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filterPrivacy="1" defaultThemeVersion="202300"/>
  <xr:revisionPtr revIDLastSave="0" documentId="13_ncr:1_{9C5FAA55-3DAE-4999-A461-98BD58920B83}" xr6:coauthVersionLast="47" xr6:coauthVersionMax="47" xr10:uidLastSave="{00000000-0000-0000-0000-000000000000}"/>
  <bookViews>
    <workbookView xWindow="-28920" yWindow="-1935" windowWidth="29040" windowHeight="15720" xr2:uid="{224B3D21-159F-4781-B0CD-75F0A25FEA3A}"/>
  </bookViews>
  <sheets>
    <sheet name="貸借対照表" sheetId="1" r:id="rId1"/>
    <sheet name="行政コスト計算書" sheetId="2" r:id="rId2"/>
    <sheet name="純資産変動計算書" sheetId="3" r:id="rId3"/>
    <sheet name="キャッシュフロー計算書" sheetId="4" r:id="rId4"/>
    <sheet name="有形固定資産等明細表" sheetId="5" r:id="rId5"/>
    <sheet name="引当金明細表" sheetId="6" r:id="rId6"/>
    <sheet name="注記" sheetId="8" r:id="rId7"/>
    <sheet name="出資金明細" sheetId="9" r:id="rId8"/>
  </sheets>
  <externalReferences>
    <externalReference r:id="rId9"/>
    <externalReference r:id="rId10"/>
    <externalReference r:id="rId11"/>
    <externalReference r:id="rId12"/>
    <externalReference r:id="rId13"/>
    <externalReference r:id="rId14"/>
  </externalReferences>
  <definedNames>
    <definedName name="CTI番号">#REF!</definedName>
    <definedName name="DB型２">[1]リスト!$A$2:$A$4</definedName>
    <definedName name="FAX番号">#REF!</definedName>
    <definedName name="FDDW0012new">[2]リスト!$A$2:$A$4</definedName>
    <definedName name="fffff">[3]リスト!$A$2:$A$4</definedName>
    <definedName name="_xlnm.Print_Area" localSheetId="3">キャッシュフロー計算書!$A$1:$U$64</definedName>
    <definedName name="_xlnm.Print_Area" localSheetId="5">引当金明細表!$A$1:$O$20</definedName>
    <definedName name="_xlnm.Print_Area" localSheetId="1">行政コスト計算書!$A$1:$M$64</definedName>
    <definedName name="_xlnm.Print_Area" localSheetId="7">出資金明細!$A$1:$R$13</definedName>
    <definedName name="_xlnm.Print_Area" localSheetId="2">純資産変動計算書!$A$1:$N$59</definedName>
    <definedName name="_xlnm.Print_Area" localSheetId="0">貸借対照表!$A$1:$T$65</definedName>
    <definedName name="_xlnm.Print_Area" localSheetId="6">注記!$A$1:$D$39</definedName>
    <definedName name="_xlnm.Print_Area" localSheetId="4">有形固定資産等明細表!$A$1:$P$37</definedName>
    <definedName name="UI変更有無">#REF!</definedName>
    <definedName name="エスカレーション担当者">#REF!</definedName>
    <definedName name="エスカレーション日時">#REF!</definedName>
    <definedName name="オンライン障害">#REF!</definedName>
    <definedName name="カテゴリ１">#REF!</definedName>
    <definedName name="カテゴリ２">#REF!</definedName>
    <definedName name="カテゴリ３">#REF!</definedName>
    <definedName name="グループ">#REF!</definedName>
    <definedName name="ご連絡先">#REF!</definedName>
    <definedName name="チェックフラグ">#REF!</definedName>
    <definedName name="データパッチ">#REF!</definedName>
    <definedName name="プログラム修正">#REF!</definedName>
    <definedName name="リリース日">#REF!</definedName>
    <definedName name="運用SE受領日時">#REF!</definedName>
    <definedName name="運用SE担当者">#REF!</definedName>
    <definedName name="影響範囲">#REF!</definedName>
    <definedName name="画面ID">#REF!</definedName>
    <definedName name="画面名">#REF!</definedName>
    <definedName name="回復確認日時">#REF!</definedName>
    <definedName name="確認担当者">#REF!</definedName>
    <definedName name="勘定科目テーブル">[4]勘定科目!$A$7:$X$577</definedName>
    <definedName name="管理番号">#REF!</definedName>
    <definedName name="件名">#REF!</definedName>
    <definedName name="原因分類">#REF!</definedName>
    <definedName name="公開不可">#REF!</definedName>
    <definedName name="作業日時開始">#REF!</definedName>
    <definedName name="作業日時終了">#REF!</definedName>
    <definedName name="受付区分">#REF!</definedName>
    <definedName name="受付時間">#REF!</definedName>
    <definedName name="受付日">#REF!</definedName>
    <definedName name="受付日時">#REF!</definedName>
    <definedName name="収入未済">#REF!</definedName>
    <definedName name="所属">#REF!</definedName>
    <definedName name="詳細コード">#REF!</definedName>
    <definedName name="障害発生日時">#REF!</definedName>
    <definedName name="状態">#REF!</definedName>
    <definedName name="職員番号">#REF!</definedName>
    <definedName name="職員名">#REF!</definedName>
    <definedName name="切り分け完了日時">#REF!</definedName>
    <definedName name="切り分け担当者">#REF!</definedName>
    <definedName name="対応サブシステムコード">#REF!</definedName>
    <definedName name="対応サブシステム名">#REF!</definedName>
    <definedName name="対応システムコード">#REF!</definedName>
    <definedName name="対応システム名">#REF!</definedName>
    <definedName name="対応策">#REF!</definedName>
    <definedName name="対応策立案日時">#REF!</definedName>
    <definedName name="対応変更結果">#REF!</definedName>
    <definedName name="担当Ope">#REF!</definedName>
    <definedName name="担当者">#REF!</definedName>
    <definedName name="調査結果内容">#REF!</definedName>
    <definedName name="調査内容">#REF!</definedName>
    <definedName name="適用日">#REF!</definedName>
    <definedName name="電話番号">#REF!</definedName>
    <definedName name="内線">#REF!</definedName>
    <definedName name="納期設定">#REF!</definedName>
    <definedName name="表示金額単位">'[5]設定シート(概要版)'!$A$22:$A$27</definedName>
    <definedName name="表示金額単位先頭">'[5]設定シート(概要版)'!$A$22</definedName>
    <definedName name="表示金額単位表">'[5]設定シート(概要版)'!$A$22:$C$27</definedName>
    <definedName name="部署">#REF!</definedName>
    <definedName name="変更環境">#REF!</definedName>
    <definedName name="変更情報変更点">#REF!</definedName>
    <definedName name="変更内容">#REF!</definedName>
    <definedName name="凡例">[6]リスト!$B$2:$B$8</definedName>
    <definedName name="問合せ区分">#REF!</definedName>
    <definedName name="有り無し">[6]リスト!$A$2:$A$3</definedName>
    <definedName name="立案担当者">#REF!</definedName>
    <definedName name="連絡事項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Q12" i="9" l="1"/>
  <c r="P12" i="9"/>
  <c r="J12" i="9"/>
  <c r="I12" i="9"/>
  <c r="Q11" i="9"/>
  <c r="M11" i="9"/>
  <c r="O11" i="9"/>
  <c r="L19" i="6"/>
  <c r="K19" i="6"/>
  <c r="L18" i="6"/>
  <c r="L17" i="6"/>
  <c r="L16" i="6"/>
  <c r="L15" i="6"/>
  <c r="L14" i="6"/>
  <c r="L13" i="6"/>
  <c r="L12" i="6"/>
  <c r="L11" i="6"/>
  <c r="L10" i="6"/>
</calcChain>
</file>

<file path=xl/sharedStrings.xml><?xml version="1.0" encoding="utf-8"?>
<sst xmlns="http://schemas.openxmlformats.org/spreadsheetml/2006/main" count="348" uniqueCount="252">
  <si>
    <t>貸 借 対 照 表</t>
    <phoneticPr fontId="2"/>
  </si>
  <si>
    <t/>
  </si>
  <si>
    <t>（単位：円）</t>
    <phoneticPr fontId="2"/>
  </si>
  <si>
    <t>行 政 コ ス ト 計 算 書</t>
    <rPh sb="0" eb="1">
      <t>ギョウ</t>
    </rPh>
    <rPh sb="2" eb="3">
      <t>セイ</t>
    </rPh>
    <rPh sb="10" eb="11">
      <t>ケイ</t>
    </rPh>
    <rPh sb="12" eb="13">
      <t>サン</t>
    </rPh>
    <rPh sb="14" eb="15">
      <t>ショ</t>
    </rPh>
    <phoneticPr fontId="2"/>
  </si>
  <si>
    <t>純 資 産 変 動 計 算 書</t>
    <phoneticPr fontId="2"/>
  </si>
  <si>
    <t>区分</t>
  </si>
  <si>
    <t>累積余剰</t>
    <phoneticPr fontId="2"/>
  </si>
  <si>
    <t>評価・換算差額等</t>
    <phoneticPr fontId="2"/>
  </si>
  <si>
    <t>合計</t>
    <phoneticPr fontId="2"/>
  </si>
  <si>
    <t>前年度末残高</t>
    <rPh sb="0" eb="3">
      <t>ゼンネンド</t>
    </rPh>
    <phoneticPr fontId="2"/>
  </si>
  <si>
    <t>当年度変動額</t>
    <rPh sb="0" eb="1">
      <t>トウ</t>
    </rPh>
    <rPh sb="1" eb="3">
      <t>ネンド</t>
    </rPh>
    <rPh sb="3" eb="5">
      <t>ヘンドウ</t>
    </rPh>
    <phoneticPr fontId="2"/>
  </si>
  <si>
    <t>当年度末残高</t>
    <rPh sb="0" eb="1">
      <t>トウ</t>
    </rPh>
    <rPh sb="1" eb="3">
      <t>ネンド</t>
    </rPh>
    <phoneticPr fontId="2"/>
  </si>
  <si>
    <t>キ ャ ッ シ ュ ・ フ ロ ー 計 算 書</t>
    <phoneticPr fontId="2"/>
  </si>
  <si>
    <t>有 形 固 定 資 産 等 明 細 表</t>
    <phoneticPr fontId="2"/>
  </si>
  <si>
    <t>区分</t>
    <phoneticPr fontId="2"/>
  </si>
  <si>
    <t>前年度末残高</t>
    <rPh sb="0" eb="3">
      <t>ゼンネンド</t>
    </rPh>
    <rPh sb="3" eb="4">
      <t>マツ</t>
    </rPh>
    <rPh sb="4" eb="6">
      <t>ザンダカ</t>
    </rPh>
    <phoneticPr fontId="2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2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2"/>
  </si>
  <si>
    <t>当年度末残高</t>
    <rPh sb="3" eb="4">
      <t>マツ</t>
    </rPh>
    <rPh sb="4" eb="6">
      <t>ザンダカ</t>
    </rPh>
    <phoneticPr fontId="2"/>
  </si>
  <si>
    <t>当年度末減価償却累計額</t>
    <rPh sb="3" eb="4">
      <t>マツ</t>
    </rPh>
    <rPh sb="4" eb="6">
      <t>ゲンカ</t>
    </rPh>
    <rPh sb="6" eb="8">
      <t>ショウキャク</t>
    </rPh>
    <rPh sb="8" eb="10">
      <t>ルイケイ</t>
    </rPh>
    <rPh sb="10" eb="11">
      <t>ガク</t>
    </rPh>
    <phoneticPr fontId="2"/>
  </si>
  <si>
    <t>当年度償却額</t>
    <phoneticPr fontId="2"/>
  </si>
  <si>
    <t>差引当年度末残高</t>
    <rPh sb="0" eb="2">
      <t>サシヒキ</t>
    </rPh>
    <rPh sb="5" eb="6">
      <t>マツ</t>
    </rPh>
    <rPh sb="6" eb="8">
      <t>ザンダカ</t>
    </rPh>
    <phoneticPr fontId="2"/>
  </si>
  <si>
    <t>①</t>
    <phoneticPr fontId="2"/>
  </si>
  <si>
    <t>②</t>
    <phoneticPr fontId="2"/>
  </si>
  <si>
    <t>③</t>
    <phoneticPr fontId="2"/>
  </si>
  <si>
    <t>④＝①＋②－③</t>
    <phoneticPr fontId="2"/>
  </si>
  <si>
    <t>⑤</t>
    <phoneticPr fontId="2"/>
  </si>
  <si>
    <t>⑥</t>
    <phoneticPr fontId="2"/>
  </si>
  <si>
    <t>④－⑤</t>
    <phoneticPr fontId="2"/>
  </si>
  <si>
    <t>事業用資産</t>
  </si>
  <si>
    <t>有形事業用固定資産</t>
  </si>
  <si>
    <t>土地</t>
  </si>
  <si>
    <t>建物</t>
  </si>
  <si>
    <t>工作物</t>
  </si>
  <si>
    <t>立木竹</t>
  </si>
  <si>
    <t>船舶</t>
  </si>
  <si>
    <t>浮標等</t>
  </si>
  <si>
    <t>航空機</t>
  </si>
  <si>
    <t>無形事業用固定資産</t>
  </si>
  <si>
    <t>地上権等</t>
  </si>
  <si>
    <t>特許権等</t>
  </si>
  <si>
    <t>インフラ資産</t>
  </si>
  <si>
    <t>有形インフラ固定資産</t>
  </si>
  <si>
    <t>無形インフラ固定資産</t>
  </si>
  <si>
    <t>重要物品</t>
  </si>
  <si>
    <t>リース資産</t>
  </si>
  <si>
    <t>ソフトウェア</t>
  </si>
  <si>
    <t>建設仮勘定</t>
  </si>
  <si>
    <t>信託受益権</t>
  </si>
  <si>
    <t>合　　　　計</t>
    <phoneticPr fontId="2"/>
  </si>
  <si>
    <t>引 当 金 明 細 表</t>
    <phoneticPr fontId="2"/>
  </si>
  <si>
    <t>当年度末残高</t>
    <rPh sb="0" eb="1">
      <t>トウ</t>
    </rPh>
    <rPh sb="1" eb="3">
      <t>ネンド</t>
    </rPh>
    <rPh sb="3" eb="4">
      <t>マツ</t>
    </rPh>
    <rPh sb="4" eb="6">
      <t>ザンダカ</t>
    </rPh>
    <phoneticPr fontId="2"/>
  </si>
  <si>
    <t>目的使用</t>
    <rPh sb="0" eb="2">
      <t>モクテキ</t>
    </rPh>
    <rPh sb="2" eb="4">
      <t>シヨウ</t>
    </rPh>
    <phoneticPr fontId="2"/>
  </si>
  <si>
    <t>その他</t>
    <rPh sb="2" eb="3">
      <t>タ</t>
    </rPh>
    <phoneticPr fontId="2"/>
  </si>
  <si>
    <t>計</t>
    <rPh sb="0" eb="1">
      <t>ケイ</t>
    </rPh>
    <phoneticPr fontId="2"/>
  </si>
  <si>
    <t>貸倒引当金（流動：未収金）</t>
  </si>
  <si>
    <t>貸倒引当金（流動：基金）</t>
  </si>
  <si>
    <t>貸倒引当金（流動：短期貸付金）</t>
  </si>
  <si>
    <t>貸倒引当金（固定：基金）</t>
  </si>
  <si>
    <t>貸倒引当金（固定：長期貸付金）</t>
  </si>
  <si>
    <t>貸倒引当金（固定：その他）</t>
  </si>
  <si>
    <t>賞与引当金</t>
  </si>
  <si>
    <t>退職手当引当金</t>
  </si>
  <si>
    <t>損失補償等引当金</t>
  </si>
  <si>
    <t>合計</t>
    <rPh sb="0" eb="2">
      <t>ゴウケイ</t>
    </rPh>
    <phoneticPr fontId="2"/>
  </si>
  <si>
    <t>（令和7年3月31日）</t>
    <phoneticPr fontId="2"/>
  </si>
  <si>
    <t>一般会計</t>
  </si>
  <si>
    <t>健康局</t>
  </si>
  <si>
    <t>健康総務事業</t>
  </si>
  <si>
    <t>資産の部</t>
  </si>
  <si>
    <t>流動資産</t>
  </si>
  <si>
    <t>現金預金</t>
  </si>
  <si>
    <t>歳計現金</t>
  </si>
  <si>
    <t>歳入歳出外現金</t>
  </si>
  <si>
    <t>未収金</t>
  </si>
  <si>
    <t>貸倒引当金</t>
  </si>
  <si>
    <t>基金</t>
  </si>
  <si>
    <t>財政調整基金</t>
  </si>
  <si>
    <t>公債償還基金</t>
  </si>
  <si>
    <t>短期貸付金</t>
  </si>
  <si>
    <t>その他流動資産</t>
  </si>
  <si>
    <t>固定資産</t>
  </si>
  <si>
    <t>出資金</t>
  </si>
  <si>
    <t>有価証券</t>
  </si>
  <si>
    <t>出資による権利</t>
  </si>
  <si>
    <t>公営企業会計出資金</t>
  </si>
  <si>
    <t>その他基金</t>
  </si>
  <si>
    <t>長期貸付金</t>
  </si>
  <si>
    <t>その他債権</t>
  </si>
  <si>
    <t>負債の部</t>
  </si>
  <si>
    <t>流動負債</t>
  </si>
  <si>
    <t>地方債</t>
  </si>
  <si>
    <t>短期借入金</t>
  </si>
  <si>
    <t>他会計借入金</t>
  </si>
  <si>
    <t>その他短期借入金</t>
  </si>
  <si>
    <t>未払金</t>
  </si>
  <si>
    <t>還付未済金</t>
  </si>
  <si>
    <t>リース債務</t>
  </si>
  <si>
    <t>その他流動負債</t>
  </si>
  <si>
    <t>固定負債</t>
  </si>
  <si>
    <t>長期借入金</t>
  </si>
  <si>
    <t>その他長期借入金</t>
  </si>
  <si>
    <t>長期未払金</t>
  </si>
  <si>
    <t>その他固定負債</t>
  </si>
  <si>
    <t>負債の部合計</t>
  </si>
  <si>
    <t>純資産の部</t>
  </si>
  <si>
    <t>累積余剰</t>
  </si>
  <si>
    <t>評価・換算差額等</t>
  </si>
  <si>
    <t>その他有価証券評価差額金</t>
  </si>
  <si>
    <t>資産の部合計</t>
  </si>
  <si>
    <t>純資産の部合計</t>
  </si>
  <si>
    <t>負債及び純資産の部合計</t>
  </si>
  <si>
    <t>（自令和6年4月1日　至令和7年3月31日）</t>
    <phoneticPr fontId="2"/>
  </si>
  <si>
    <t>経常収益</t>
  </si>
  <si>
    <t>市税</t>
  </si>
  <si>
    <t>地方譲与税</t>
  </si>
  <si>
    <t>交付金</t>
  </si>
  <si>
    <t>地方特例交付金</t>
  </si>
  <si>
    <t>地方交付税</t>
  </si>
  <si>
    <t>保険料</t>
  </si>
  <si>
    <t>分担金及び負担金</t>
  </si>
  <si>
    <t>使用料及び手数料</t>
  </si>
  <si>
    <t>国・府支出金</t>
  </si>
  <si>
    <t>他会計からの繰入金</t>
  </si>
  <si>
    <t>一般会計からの繰入金</t>
  </si>
  <si>
    <t>特別会計からの繰入金</t>
  </si>
  <si>
    <t>公営企業からの繰入金</t>
  </si>
  <si>
    <t>棚卸資産売却収入</t>
  </si>
  <si>
    <t>受取利息及び配当金</t>
  </si>
  <si>
    <t>その他経常収益</t>
  </si>
  <si>
    <t>経常費用</t>
  </si>
  <si>
    <t>給与関係費</t>
  </si>
  <si>
    <t>賞与引当金繰入額</t>
  </si>
  <si>
    <t>退職手当引当金繰入額</t>
  </si>
  <si>
    <t>物件費</t>
  </si>
  <si>
    <t>維持補修費</t>
  </si>
  <si>
    <t>減価償却費</t>
  </si>
  <si>
    <t>支払利息及び手数料</t>
  </si>
  <si>
    <t>貸倒損失</t>
  </si>
  <si>
    <t>貸倒引当金繰入額</t>
  </si>
  <si>
    <t>損失補償等引当金繰入額</t>
  </si>
  <si>
    <t>棚卸資産売却原価</t>
  </si>
  <si>
    <t>扶助費</t>
  </si>
  <si>
    <t>負担金・補助金・交付金等</t>
  </si>
  <si>
    <t>他会計への繰出金</t>
  </si>
  <si>
    <t>一般会計への繰出金</t>
  </si>
  <si>
    <t>特別会計への繰出金</t>
  </si>
  <si>
    <t>公営企業への繰出金</t>
  </si>
  <si>
    <t>その他経常費用</t>
  </si>
  <si>
    <t>経常収支差額</t>
  </si>
  <si>
    <t>特別利益</t>
  </si>
  <si>
    <t>資産売却益</t>
  </si>
  <si>
    <t>資産受贈益</t>
  </si>
  <si>
    <t>事業再編等に伴う移転損益</t>
  </si>
  <si>
    <t>その他特別利益</t>
  </si>
  <si>
    <t>特別損失</t>
  </si>
  <si>
    <t>資産除売却損</t>
  </si>
  <si>
    <t>災害による損失</t>
  </si>
  <si>
    <t>出資金評価損</t>
  </si>
  <si>
    <t>その他特別損失</t>
  </si>
  <si>
    <t>特別収支差額</t>
  </si>
  <si>
    <t>一般財源等配分調整額</t>
  </si>
  <si>
    <t>内部取引</t>
  </si>
  <si>
    <t>当年度収支差額</t>
  </si>
  <si>
    <t>行政サービス活動</t>
  </si>
  <si>
    <t>行政サービス活動収入</t>
  </si>
  <si>
    <t>市税収入</t>
  </si>
  <si>
    <t>地方譲与税収入</t>
  </si>
  <si>
    <t>交付金収入</t>
  </si>
  <si>
    <t>地方特例交付金収入</t>
  </si>
  <si>
    <t>地方交付税収入</t>
  </si>
  <si>
    <t>保険料収入</t>
  </si>
  <si>
    <t>分担金及び負担金収入</t>
  </si>
  <si>
    <t>使用料及び手数料収入</t>
  </si>
  <si>
    <t>国・府支出金収入</t>
  </si>
  <si>
    <t>他会計からの繰入金収入</t>
  </si>
  <si>
    <t>一般会計からの繰入金収入</t>
  </si>
  <si>
    <t>特別会計からの繰入金収入</t>
  </si>
  <si>
    <t>公営企業会計からの繰入金収入</t>
  </si>
  <si>
    <t>受取利息及び配当金収入</t>
  </si>
  <si>
    <t>その他行政収入</t>
  </si>
  <si>
    <t>行政サービス活動支出</t>
  </si>
  <si>
    <t>給与関係費支出</t>
  </si>
  <si>
    <t>物件費支出</t>
  </si>
  <si>
    <t>維持補修費支出</t>
  </si>
  <si>
    <t>支払利息及び手数料支出</t>
  </si>
  <si>
    <t>扶助費支出</t>
  </si>
  <si>
    <t>負担金・補助金・交付金等支出</t>
  </si>
  <si>
    <t>他会計への繰出金支出</t>
  </si>
  <si>
    <t>一般会計への繰出金支出</t>
  </si>
  <si>
    <t>特別会計への繰出金支出</t>
  </si>
  <si>
    <t>公営企業会計への繰出金支出</t>
  </si>
  <si>
    <t>その他行政支出</t>
  </si>
  <si>
    <t>行政サービス活動収支差額</t>
  </si>
  <si>
    <t>投資活動</t>
  </si>
  <si>
    <t>投資活動収入</t>
  </si>
  <si>
    <t>資産売却収入</t>
  </si>
  <si>
    <t>基金繰入金（取崩額）</t>
  </si>
  <si>
    <t>財政調整基金（取崩額）</t>
  </si>
  <si>
    <t>その他の基金（取崩額）</t>
  </si>
  <si>
    <t>貸付金回収元金収入</t>
  </si>
  <si>
    <t>保証金等返還収入</t>
  </si>
  <si>
    <t>その他投資活動収入</t>
  </si>
  <si>
    <t>投資活動支出</t>
  </si>
  <si>
    <t>固定資産取得支出</t>
  </si>
  <si>
    <t>基金積立金</t>
  </si>
  <si>
    <t>財政調整基金積立金</t>
  </si>
  <si>
    <t>その他の基金積立金</t>
  </si>
  <si>
    <t>出資金支出</t>
  </si>
  <si>
    <t>貸付金支出</t>
  </si>
  <si>
    <t>保証金等支出</t>
  </si>
  <si>
    <t>投資活動収支差額</t>
  </si>
  <si>
    <t>財務活動</t>
  </si>
  <si>
    <t>財務活動収入</t>
  </si>
  <si>
    <t>地方債収入</t>
  </si>
  <si>
    <t>借入金収入</t>
  </si>
  <si>
    <t>その他財務活動収入</t>
  </si>
  <si>
    <t>財務活動支出</t>
  </si>
  <si>
    <t>地方債償還金支出</t>
  </si>
  <si>
    <t>借入金償還金支出</t>
  </si>
  <si>
    <t>リース債務償還金支出</t>
  </si>
  <si>
    <t>その他財務活動支出</t>
  </si>
  <si>
    <t>財務活動収支差額</t>
  </si>
  <si>
    <t>当年度現金預金増減額</t>
  </si>
  <si>
    <t>前年度末現金預金残高</t>
  </si>
  <si>
    <t>当年度末現金預金残高</t>
  </si>
  <si>
    <t>一般会計</t>
    <rPh sb="0" eb="2">
      <t>イッパン</t>
    </rPh>
    <phoneticPr fontId="9"/>
  </si>
  <si>
    <t>健康局</t>
    <rPh sb="0" eb="2">
      <t>ケンコウ</t>
    </rPh>
    <rPh sb="2" eb="3">
      <t>キョク</t>
    </rPh>
    <phoneticPr fontId="9"/>
  </si>
  <si>
    <t>健康総務事業</t>
    <phoneticPr fontId="9"/>
  </si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9"/>
  </si>
  <si>
    <t>該当事項はありません。</t>
    <phoneticPr fontId="9"/>
  </si>
  <si>
    <t>　　</t>
    <phoneticPr fontId="9"/>
  </si>
  <si>
    <t>出 資 金 明 細 表</t>
    <rPh sb="0" eb="1">
      <t>デ</t>
    </rPh>
    <rPh sb="2" eb="3">
      <t>シ</t>
    </rPh>
    <rPh sb="4" eb="5">
      <t>キン</t>
    </rPh>
    <rPh sb="6" eb="7">
      <t>メイ</t>
    </rPh>
    <rPh sb="8" eb="9">
      <t>ホソ</t>
    </rPh>
    <rPh sb="10" eb="11">
      <t>ヒョウ</t>
    </rPh>
    <phoneticPr fontId="2"/>
  </si>
  <si>
    <t>市場価格のないもの（株式会社以外）</t>
    <rPh sb="0" eb="2">
      <t>シジョウ</t>
    </rPh>
    <rPh sb="2" eb="4">
      <t>カカク</t>
    </rPh>
    <rPh sb="10" eb="14">
      <t>カブシキガイシャ</t>
    </rPh>
    <rPh sb="14" eb="16">
      <t>イガイ</t>
    </rPh>
    <phoneticPr fontId="8"/>
  </si>
  <si>
    <t>（単位：円）</t>
    <rPh sb="4" eb="5">
      <t>エン</t>
    </rPh>
    <phoneticPr fontId="8"/>
  </si>
  <si>
    <t>相手先名</t>
    <rPh sb="0" eb="3">
      <t>アイテサキ</t>
    </rPh>
    <rPh sb="3" eb="4">
      <t>メイ</t>
    </rPh>
    <phoneticPr fontId="2"/>
  </si>
  <si>
    <t>取得原価</t>
    <rPh sb="0" eb="2">
      <t>シュトク</t>
    </rPh>
    <rPh sb="2" eb="4">
      <t>ゲンカ</t>
    </rPh>
    <phoneticPr fontId="8"/>
  </si>
  <si>
    <t>貸借対照表計上額</t>
    <rPh sb="0" eb="2">
      <t>タイシャク</t>
    </rPh>
    <rPh sb="2" eb="5">
      <t>タイショウヒョウ</t>
    </rPh>
    <rPh sb="5" eb="7">
      <t>ケイジョウ</t>
    </rPh>
    <rPh sb="7" eb="8">
      <t>ガク</t>
    </rPh>
    <phoneticPr fontId="8"/>
  </si>
  <si>
    <t>資産</t>
    <rPh sb="0" eb="2">
      <t>シサン</t>
    </rPh>
    <phoneticPr fontId="2"/>
  </si>
  <si>
    <t>負債</t>
    <rPh sb="0" eb="2">
      <t>フサイ</t>
    </rPh>
    <phoneticPr fontId="2"/>
  </si>
  <si>
    <t>純資産額</t>
    <rPh sb="0" eb="3">
      <t>ジュンシサン</t>
    </rPh>
    <rPh sb="3" eb="4">
      <t>ガク</t>
    </rPh>
    <phoneticPr fontId="2"/>
  </si>
  <si>
    <t>出えん等比率（％）</t>
    <rPh sb="0" eb="1">
      <t>シュツ</t>
    </rPh>
    <rPh sb="3" eb="4">
      <t>トウ</t>
    </rPh>
    <rPh sb="4" eb="6">
      <t>ヒリツ</t>
    </rPh>
    <phoneticPr fontId="2"/>
  </si>
  <si>
    <t>実質価額</t>
    <rPh sb="0" eb="2">
      <t>ジッシツ</t>
    </rPh>
    <rPh sb="2" eb="4">
      <t>カガク</t>
    </rPh>
    <phoneticPr fontId="2"/>
  </si>
  <si>
    <t>強制評価減</t>
    <rPh sb="0" eb="2">
      <t>キョウセイ</t>
    </rPh>
    <rPh sb="2" eb="4">
      <t>ヒョウカ</t>
    </rPh>
    <rPh sb="4" eb="5">
      <t>ゲン</t>
    </rPh>
    <phoneticPr fontId="2"/>
  </si>
  <si>
    <t>差引貸借対照表計上額</t>
    <rPh sb="0" eb="2">
      <t>サシヒキ</t>
    </rPh>
    <rPh sb="2" eb="4">
      <t>タイシャク</t>
    </rPh>
    <rPh sb="4" eb="7">
      <t>タイショウヒョウ</t>
    </rPh>
    <rPh sb="7" eb="9">
      <t>ケイジョウ</t>
    </rPh>
    <rPh sb="9" eb="10">
      <t>ガク</t>
    </rPh>
    <phoneticPr fontId="2"/>
  </si>
  <si>
    <t>合　　　　計</t>
    <rPh sb="0" eb="1">
      <t>ア</t>
    </rPh>
    <rPh sb="5" eb="6">
      <t>ケイ</t>
    </rPh>
    <phoneticPr fontId="2"/>
  </si>
  <si>
    <t>健康総務事業</t>
    <phoneticPr fontId="8"/>
  </si>
  <si>
    <t>④＝②－③</t>
    <phoneticPr fontId="2"/>
  </si>
  <si>
    <t>⑥＝④×⑤</t>
    <phoneticPr fontId="2"/>
  </si>
  <si>
    <t>⑦</t>
    <phoneticPr fontId="2"/>
  </si>
  <si>
    <t>①－⑦</t>
    <phoneticPr fontId="2"/>
  </si>
  <si>
    <t>（公財）大阪府保健医療財団</t>
    <phoneticPr fontId="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#,##0;&quot;▲ &quot;#,##0"/>
    <numFmt numFmtId="177" formatCode="0_);[Red]\(0\)"/>
    <numFmt numFmtId="178" formatCode="0.0%"/>
  </numFmts>
  <fonts count="46" x14ac:knownFonts="1">
    <font>
      <sz val="11"/>
      <color theme="1"/>
      <name val="游ゴシック"/>
      <family val="3"/>
      <charset val="128"/>
      <scheme val="minor"/>
    </font>
    <font>
      <sz val="6"/>
      <name val="游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b/>
      <sz val="24"/>
      <name val="ＭＳ 明朝"/>
      <family val="1"/>
      <charset val="128"/>
    </font>
    <font>
      <sz val="24"/>
      <name val="ＭＳ 明朝"/>
      <family val="1"/>
      <charset val="128"/>
    </font>
    <font>
      <sz val="16"/>
      <name val="ＭＳ 明朝"/>
      <family val="1"/>
      <charset val="128"/>
    </font>
    <font>
      <sz val="11"/>
      <color indexed="8"/>
      <name val="ＭＳ Ｐゴシック"/>
      <family val="3"/>
      <charset val="128"/>
    </font>
    <font>
      <sz val="6"/>
      <name val="游ゴシック"/>
      <family val="3"/>
      <charset val="128"/>
    </font>
    <font>
      <sz val="6"/>
      <name val="游ゴシック"/>
      <family val="3"/>
      <charset val="128"/>
    </font>
    <font>
      <sz val="11"/>
      <color theme="1"/>
      <name val="游ゴシック"/>
      <family val="3"/>
      <charset val="128"/>
      <scheme val="minor"/>
    </font>
    <font>
      <sz val="11"/>
      <color theme="0"/>
      <name val="游ゴシック"/>
      <family val="3"/>
      <charset val="128"/>
      <scheme val="minor"/>
    </font>
    <font>
      <b/>
      <sz val="18"/>
      <color theme="3"/>
      <name val="游ゴシック Light"/>
      <family val="3"/>
      <charset val="128"/>
      <scheme val="major"/>
    </font>
    <font>
      <b/>
      <sz val="11"/>
      <color theme="0"/>
      <name val="游ゴシック"/>
      <family val="3"/>
      <charset val="128"/>
      <scheme val="minor"/>
    </font>
    <font>
      <sz val="11"/>
      <color rgb="FF9C6500"/>
      <name val="游ゴシック"/>
      <family val="3"/>
      <charset val="128"/>
      <scheme val="minor"/>
    </font>
    <font>
      <sz val="11"/>
      <color rgb="FFFA7D00"/>
      <name val="游ゴシック"/>
      <family val="3"/>
      <charset val="128"/>
      <scheme val="minor"/>
    </font>
    <font>
      <sz val="11"/>
      <color rgb="FF9C0006"/>
      <name val="游ゴシック"/>
      <family val="3"/>
      <charset val="128"/>
      <scheme val="minor"/>
    </font>
    <font>
      <b/>
      <sz val="11"/>
      <color rgb="FFFA7D00"/>
      <name val="游ゴシック"/>
      <family val="3"/>
      <charset val="128"/>
      <scheme val="minor"/>
    </font>
    <font>
      <sz val="11"/>
      <color rgb="FFFF0000"/>
      <name val="游ゴシック"/>
      <family val="3"/>
      <charset val="128"/>
      <scheme val="minor"/>
    </font>
    <font>
      <b/>
      <sz val="15"/>
      <color theme="3"/>
      <name val="游ゴシック"/>
      <family val="3"/>
      <charset val="128"/>
      <scheme val="minor"/>
    </font>
    <font>
      <b/>
      <sz val="13"/>
      <color theme="3"/>
      <name val="游ゴシック"/>
      <family val="3"/>
      <charset val="128"/>
      <scheme val="minor"/>
    </font>
    <font>
      <b/>
      <sz val="11"/>
      <color theme="3"/>
      <name val="游ゴシック"/>
      <family val="3"/>
      <charset val="128"/>
      <scheme val="minor"/>
    </font>
    <font>
      <b/>
      <sz val="11"/>
      <color theme="1"/>
      <name val="游ゴシック"/>
      <family val="3"/>
      <charset val="128"/>
      <scheme val="minor"/>
    </font>
    <font>
      <b/>
      <sz val="11"/>
      <color rgb="FF3F3F3F"/>
      <name val="游ゴシック"/>
      <family val="3"/>
      <charset val="128"/>
      <scheme val="minor"/>
    </font>
    <font>
      <i/>
      <sz val="11"/>
      <color rgb="FF7F7F7F"/>
      <name val="游ゴシック"/>
      <family val="3"/>
      <charset val="128"/>
      <scheme val="minor"/>
    </font>
    <font>
      <sz val="11"/>
      <color rgb="FF3F3F76"/>
      <name val="游ゴシック"/>
      <family val="3"/>
      <charset val="128"/>
      <scheme val="minor"/>
    </font>
    <font>
      <sz val="11"/>
      <color theme="1"/>
      <name val="ＭＳ Ｐゴシック"/>
      <family val="3"/>
      <charset val="128"/>
    </font>
    <font>
      <sz val="11"/>
      <color rgb="FF006100"/>
      <name val="游ゴシック"/>
      <family val="3"/>
      <charset val="128"/>
      <scheme val="minor"/>
    </font>
    <font>
      <sz val="14"/>
      <color theme="1"/>
      <name val="ＭＳ 明朝"/>
      <family val="1"/>
      <charset val="128"/>
    </font>
    <font>
      <u/>
      <sz val="16"/>
      <color theme="1"/>
      <name val="ＭＳ ゴシック"/>
      <family val="3"/>
      <charset val="128"/>
    </font>
    <font>
      <b/>
      <sz val="22"/>
      <color theme="1"/>
      <name val="ＭＳ 明朝"/>
      <family val="1"/>
      <charset val="128"/>
    </font>
    <font>
      <b/>
      <sz val="14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  <font>
      <sz val="24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b/>
      <sz val="24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b/>
      <sz val="16"/>
      <color theme="1"/>
      <name val="ＭＳ 明朝"/>
      <family val="1"/>
      <charset val="128"/>
    </font>
    <font>
      <u/>
      <sz val="18"/>
      <color theme="1"/>
      <name val="ＭＳ ゴシック"/>
      <family val="3"/>
      <charset val="128"/>
    </font>
    <font>
      <sz val="11"/>
      <color theme="1"/>
      <name val="ＭＳ Ｐ明朝"/>
      <family val="1"/>
      <charset val="128"/>
    </font>
    <font>
      <b/>
      <sz val="18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b/>
      <sz val="20"/>
      <color theme="1"/>
      <name val="ＭＳ Ｐ明朝"/>
      <family val="1"/>
      <charset val="128"/>
    </font>
    <font>
      <sz val="20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  <font>
      <b/>
      <sz val="28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theme="4" tint="0.79998168889431442"/>
        <bgColor indexed="6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/>
      </patternFill>
    </fill>
    <fill>
      <patternFill patternType="solid">
        <fgColor theme="5"/>
      </patternFill>
    </fill>
    <fill>
      <patternFill patternType="solid">
        <fgColor theme="6"/>
      </patternFill>
    </fill>
    <fill>
      <patternFill patternType="solid">
        <fgColor theme="7"/>
      </patternFill>
    </fill>
    <fill>
      <patternFill patternType="solid">
        <fgColor theme="8"/>
      </patternFill>
    </fill>
    <fill>
      <patternFill patternType="solid">
        <fgColor theme="9"/>
      </patternFill>
    </fill>
    <fill>
      <patternFill patternType="solid">
        <fgColor rgb="FFA5A5A5"/>
      </patternFill>
    </fill>
    <fill>
      <patternFill patternType="solid">
        <fgColor rgb="FFFFEB9C"/>
      </patternFill>
    </fill>
    <fill>
      <patternFill patternType="solid">
        <fgColor rgb="FFFFFFCC"/>
      </patternFill>
    </fill>
    <fill>
      <patternFill patternType="solid">
        <fgColor rgb="FFFFC7CE"/>
      </patternFill>
    </fill>
    <fill>
      <patternFill patternType="solid">
        <fgColor rgb="FFF2F2F2"/>
      </patternFill>
    </fill>
    <fill>
      <patternFill patternType="solid">
        <fgColor rgb="FFFFCC99"/>
      </patternFill>
    </fill>
    <fill>
      <patternFill patternType="solid">
        <fgColor rgb="FFC6EFCE"/>
      </patternFill>
    </fill>
  </fills>
  <borders count="26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double">
        <color rgb="FFFF800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</borders>
  <cellStyleXfs count="60">
    <xf numFmtId="0" fontId="0" fillId="0" borderId="0">
      <alignment vertical="center"/>
    </xf>
    <xf numFmtId="0" fontId="10" fillId="2" borderId="0" applyNumberFormat="0" applyBorder="0" applyAlignment="0" applyProtection="0">
      <alignment vertical="center"/>
    </xf>
    <xf numFmtId="0" fontId="10" fillId="3" borderId="0" applyNumberFormat="0" applyBorder="0" applyAlignment="0" applyProtection="0">
      <alignment vertical="center"/>
    </xf>
    <xf numFmtId="0" fontId="10" fillId="4" borderId="0" applyNumberFormat="0" applyBorder="0" applyAlignment="0" applyProtection="0">
      <alignment vertical="center"/>
    </xf>
    <xf numFmtId="0" fontId="10" fillId="5" borderId="0" applyNumberFormat="0" applyBorder="0" applyAlignment="0" applyProtection="0">
      <alignment vertical="center"/>
    </xf>
    <xf numFmtId="0" fontId="10" fillId="6" borderId="0" applyNumberFormat="0" applyBorder="0" applyAlignment="0" applyProtection="0">
      <alignment vertical="center"/>
    </xf>
    <xf numFmtId="0" fontId="10" fillId="7" borderId="0" applyNumberFormat="0" applyBorder="0" applyAlignment="0" applyProtection="0">
      <alignment vertical="center"/>
    </xf>
    <xf numFmtId="0" fontId="10" fillId="8" borderId="0" applyNumberFormat="0" applyBorder="0" applyAlignment="0" applyProtection="0">
      <alignment vertical="center"/>
    </xf>
    <xf numFmtId="0" fontId="10" fillId="9" borderId="0" applyNumberFormat="0" applyBorder="0" applyAlignment="0" applyProtection="0">
      <alignment vertical="center"/>
    </xf>
    <xf numFmtId="0" fontId="10" fillId="10" borderId="0" applyNumberFormat="0" applyBorder="0" applyAlignment="0" applyProtection="0">
      <alignment vertical="center"/>
    </xf>
    <xf numFmtId="0" fontId="10" fillId="11" borderId="0" applyNumberFormat="0" applyBorder="0" applyAlignment="0" applyProtection="0">
      <alignment vertical="center"/>
    </xf>
    <xf numFmtId="0" fontId="10" fillId="12" borderId="0" applyNumberFormat="0" applyBorder="0" applyAlignment="0" applyProtection="0">
      <alignment vertical="center"/>
    </xf>
    <xf numFmtId="0" fontId="10" fillId="13" borderId="0" applyNumberFormat="0" applyBorder="0" applyAlignment="0" applyProtection="0">
      <alignment vertical="center"/>
    </xf>
    <xf numFmtId="0" fontId="11" fillId="14" borderId="0" applyNumberFormat="0" applyBorder="0" applyAlignment="0" applyProtection="0">
      <alignment vertical="center"/>
    </xf>
    <xf numFmtId="0" fontId="11" fillId="15" borderId="0" applyNumberFormat="0" applyBorder="0" applyAlignment="0" applyProtection="0">
      <alignment vertical="center"/>
    </xf>
    <xf numFmtId="0" fontId="11" fillId="16" borderId="0" applyNumberFormat="0" applyBorder="0" applyAlignment="0" applyProtection="0">
      <alignment vertical="center"/>
    </xf>
    <xf numFmtId="0" fontId="11" fillId="17" borderId="0" applyNumberFormat="0" applyBorder="0" applyAlignment="0" applyProtection="0">
      <alignment vertical="center"/>
    </xf>
    <xf numFmtId="0" fontId="11" fillId="18" borderId="0" applyNumberFormat="0" applyBorder="0" applyAlignment="0" applyProtection="0">
      <alignment vertical="center"/>
    </xf>
    <xf numFmtId="0" fontId="11" fillId="19" borderId="0" applyNumberFormat="0" applyBorder="0" applyAlignment="0" applyProtection="0">
      <alignment vertical="center"/>
    </xf>
    <xf numFmtId="0" fontId="11" fillId="20" borderId="0" applyNumberFormat="0" applyBorder="0" applyAlignment="0" applyProtection="0">
      <alignment vertical="center"/>
    </xf>
    <xf numFmtId="0" fontId="11" fillId="21" borderId="0" applyNumberFormat="0" applyBorder="0" applyAlignment="0" applyProtection="0">
      <alignment vertical="center"/>
    </xf>
    <xf numFmtId="0" fontId="11" fillId="22" borderId="0" applyNumberFormat="0" applyBorder="0" applyAlignment="0" applyProtection="0">
      <alignment vertical="center"/>
    </xf>
    <xf numFmtId="0" fontId="11" fillId="23" borderId="0" applyNumberFormat="0" applyBorder="0" applyAlignment="0" applyProtection="0">
      <alignment vertical="center"/>
    </xf>
    <xf numFmtId="0" fontId="11" fillId="24" borderId="0" applyNumberFormat="0" applyBorder="0" applyAlignment="0" applyProtection="0">
      <alignment vertical="center"/>
    </xf>
    <xf numFmtId="0" fontId="11" fillId="25" borderId="0" applyNumberFormat="0" applyBorder="0" applyAlignment="0" applyProtection="0">
      <alignment vertical="center"/>
    </xf>
    <xf numFmtId="0" fontId="12" fillId="0" borderId="0" applyNumberFormat="0" applyFill="0" applyBorder="0" applyAlignment="0" applyProtection="0">
      <alignment vertical="center"/>
    </xf>
    <xf numFmtId="0" fontId="13" fillId="26" borderId="17" applyNumberFormat="0" applyAlignment="0" applyProtection="0">
      <alignment vertical="center"/>
    </xf>
    <xf numFmtId="0" fontId="14" fillId="27" borderId="0" applyNumberFormat="0" applyBorder="0" applyAlignment="0" applyProtection="0">
      <alignment vertical="center"/>
    </xf>
    <xf numFmtId="0" fontId="7" fillId="28" borderId="18" applyNumberFormat="0" applyFont="0" applyAlignment="0" applyProtection="0">
      <alignment vertical="center"/>
    </xf>
    <xf numFmtId="0" fontId="15" fillId="0" borderId="19" applyNumberFormat="0" applyFill="0" applyAlignment="0" applyProtection="0">
      <alignment vertical="center"/>
    </xf>
    <xf numFmtId="0" fontId="16" fillId="29" borderId="0" applyNumberFormat="0" applyBorder="0" applyAlignment="0" applyProtection="0">
      <alignment vertical="center"/>
    </xf>
    <xf numFmtId="0" fontId="17" fillId="30" borderId="20" applyNumberFormat="0" applyAlignment="0" applyProtection="0">
      <alignment vertical="center"/>
    </xf>
    <xf numFmtId="0" fontId="18" fillId="0" borderId="0" applyNumberFormat="0" applyFill="0" applyBorder="0" applyAlignment="0" applyProtection="0">
      <alignment vertical="center"/>
    </xf>
    <xf numFmtId="38" fontId="7" fillId="0" borderId="0" applyFont="0" applyFill="0" applyBorder="0" applyAlignment="0" applyProtection="0">
      <alignment vertical="center"/>
    </xf>
    <xf numFmtId="38" fontId="7" fillId="0" borderId="0" applyFont="0" applyFill="0" applyBorder="0" applyAlignment="0" applyProtection="0">
      <alignment vertical="center"/>
    </xf>
    <xf numFmtId="38" fontId="7" fillId="0" borderId="0" applyFont="0" applyFill="0" applyBorder="0" applyAlignment="0" applyProtection="0">
      <alignment vertical="center"/>
    </xf>
    <xf numFmtId="38" fontId="3" fillId="0" borderId="0" applyFont="0" applyFill="0" applyBorder="0" applyAlignment="0" applyProtection="0">
      <alignment vertical="center"/>
    </xf>
    <xf numFmtId="0" fontId="19" fillId="0" borderId="21" applyNumberFormat="0" applyFill="0" applyAlignment="0" applyProtection="0">
      <alignment vertical="center"/>
    </xf>
    <xf numFmtId="0" fontId="20" fillId="0" borderId="22" applyNumberFormat="0" applyFill="0" applyAlignment="0" applyProtection="0">
      <alignment vertical="center"/>
    </xf>
    <xf numFmtId="0" fontId="21" fillId="0" borderId="23" applyNumberFormat="0" applyFill="0" applyAlignment="0" applyProtection="0">
      <alignment vertical="center"/>
    </xf>
    <xf numFmtId="0" fontId="21" fillId="0" borderId="0" applyNumberFormat="0" applyFill="0" applyBorder="0" applyAlignment="0" applyProtection="0">
      <alignment vertical="center"/>
    </xf>
    <xf numFmtId="0" fontId="22" fillId="0" borderId="24" applyNumberFormat="0" applyFill="0" applyAlignment="0" applyProtection="0">
      <alignment vertical="center"/>
    </xf>
    <xf numFmtId="0" fontId="23" fillId="30" borderId="25" applyNumberFormat="0" applyAlignment="0" applyProtection="0">
      <alignment vertical="center"/>
    </xf>
    <xf numFmtId="0" fontId="24" fillId="0" borderId="0" applyNumberFormat="0" applyFill="0" applyBorder="0" applyAlignment="0" applyProtection="0">
      <alignment vertical="center"/>
    </xf>
    <xf numFmtId="0" fontId="25" fillId="31" borderId="20" applyNumberFormat="0" applyAlignment="0" applyProtection="0">
      <alignment vertical="center"/>
    </xf>
    <xf numFmtId="0" fontId="10" fillId="0" borderId="0">
      <alignment vertical="center"/>
    </xf>
    <xf numFmtId="0" fontId="10" fillId="0" borderId="0">
      <alignment vertical="center"/>
    </xf>
    <xf numFmtId="0" fontId="3" fillId="0" borderId="0">
      <alignment vertical="center"/>
    </xf>
    <xf numFmtId="0" fontId="3" fillId="0" borderId="0">
      <alignment vertical="center"/>
    </xf>
    <xf numFmtId="0" fontId="3" fillId="0" borderId="0">
      <alignment vertical="center"/>
    </xf>
    <xf numFmtId="0" fontId="26" fillId="0" borderId="0">
      <alignment vertical="center"/>
    </xf>
    <xf numFmtId="0" fontId="3" fillId="0" borderId="0"/>
    <xf numFmtId="0" fontId="3" fillId="0" borderId="0">
      <alignment vertical="center"/>
    </xf>
    <xf numFmtId="0" fontId="26" fillId="0" borderId="0">
      <alignment vertical="center"/>
    </xf>
    <xf numFmtId="0" fontId="3" fillId="0" borderId="0">
      <alignment vertical="center"/>
    </xf>
    <xf numFmtId="0" fontId="26" fillId="0" borderId="0">
      <alignment vertical="center"/>
    </xf>
    <xf numFmtId="0" fontId="3" fillId="0" borderId="0">
      <alignment vertical="center"/>
    </xf>
    <xf numFmtId="0" fontId="3" fillId="0" borderId="0">
      <alignment vertical="center"/>
    </xf>
    <xf numFmtId="0" fontId="26" fillId="0" borderId="0">
      <alignment vertical="center"/>
    </xf>
    <xf numFmtId="0" fontId="27" fillId="32" borderId="0" applyNumberFormat="0" applyBorder="0" applyAlignment="0" applyProtection="0">
      <alignment vertical="center"/>
    </xf>
  </cellStyleXfs>
  <cellXfs count="182">
    <xf numFmtId="0" fontId="0" fillId="0" borderId="0" xfId="0">
      <alignment vertical="center"/>
    </xf>
    <xf numFmtId="0" fontId="28" fillId="0" borderId="0" xfId="45" applyFont="1">
      <alignment vertical="center"/>
    </xf>
    <xf numFmtId="0" fontId="29" fillId="0" borderId="0" xfId="50" applyFont="1" applyAlignment="1">
      <alignment horizontal="left" vertical="center"/>
    </xf>
    <xf numFmtId="0" fontId="28" fillId="0" borderId="1" xfId="45" applyFont="1" applyBorder="1">
      <alignment vertical="center"/>
    </xf>
    <xf numFmtId="0" fontId="28" fillId="0" borderId="2" xfId="45" applyFont="1" applyBorder="1">
      <alignment vertical="center"/>
    </xf>
    <xf numFmtId="0" fontId="28" fillId="0" borderId="3" xfId="45" applyFont="1" applyBorder="1">
      <alignment vertical="center"/>
    </xf>
    <xf numFmtId="0" fontId="28" fillId="0" borderId="4" xfId="45" applyFont="1" applyBorder="1">
      <alignment vertical="center"/>
    </xf>
    <xf numFmtId="0" fontId="28" fillId="0" borderId="0" xfId="50" applyFont="1" applyAlignment="1"/>
    <xf numFmtId="0" fontId="28" fillId="0" borderId="5" xfId="45" applyFont="1" applyBorder="1">
      <alignment vertical="center"/>
    </xf>
    <xf numFmtId="0" fontId="30" fillId="0" borderId="0" xfId="50" applyFont="1" applyAlignment="1">
      <alignment horizontal="center"/>
    </xf>
    <xf numFmtId="0" fontId="31" fillId="0" borderId="0" xfId="50" applyFont="1" applyAlignment="1">
      <alignment horizontal="center" vertical="center"/>
    </xf>
    <xf numFmtId="0" fontId="28" fillId="0" borderId="0" xfId="50" applyFont="1">
      <alignment vertical="center"/>
    </xf>
    <xf numFmtId="0" fontId="28" fillId="0" borderId="0" xfId="50" applyFont="1" applyAlignment="1">
      <alignment horizontal="left" vertical="center"/>
    </xf>
    <xf numFmtId="58" fontId="28" fillId="0" borderId="0" xfId="45" applyNumberFormat="1" applyFont="1">
      <alignment vertical="center"/>
    </xf>
    <xf numFmtId="0" fontId="32" fillId="0" borderId="0" xfId="45" applyFont="1" applyAlignment="1">
      <alignment horizontal="right" vertical="center"/>
    </xf>
    <xf numFmtId="0" fontId="28" fillId="0" borderId="0" xfId="45" applyFont="1" applyAlignment="1">
      <alignment horizontal="right" vertical="center"/>
    </xf>
    <xf numFmtId="0" fontId="28" fillId="0" borderId="6" xfId="45" applyFont="1" applyBorder="1">
      <alignment vertical="center"/>
    </xf>
    <xf numFmtId="0" fontId="32" fillId="0" borderId="2" xfId="45" applyFont="1" applyBorder="1">
      <alignment vertical="center"/>
    </xf>
    <xf numFmtId="176" fontId="32" fillId="0" borderId="2" xfId="45" applyNumberFormat="1" applyFont="1" applyBorder="1">
      <alignment vertical="center"/>
    </xf>
    <xf numFmtId="0" fontId="32" fillId="0" borderId="3" xfId="45" applyFont="1" applyBorder="1">
      <alignment vertical="center"/>
    </xf>
    <xf numFmtId="176" fontId="32" fillId="0" borderId="3" xfId="45" applyNumberFormat="1" applyFont="1" applyBorder="1">
      <alignment vertical="center"/>
    </xf>
    <xf numFmtId="0" fontId="32" fillId="0" borderId="0" xfId="45" applyFont="1">
      <alignment vertical="center"/>
    </xf>
    <xf numFmtId="176" fontId="32" fillId="0" borderId="0" xfId="45" applyNumberFormat="1" applyFont="1" applyAlignment="1">
      <alignment horizontal="right" vertical="center"/>
    </xf>
    <xf numFmtId="176" fontId="32" fillId="0" borderId="0" xfId="45" applyNumberFormat="1" applyFont="1">
      <alignment vertical="center"/>
    </xf>
    <xf numFmtId="176" fontId="28" fillId="0" borderId="0" xfId="45" applyNumberFormat="1" applyFont="1" applyAlignment="1">
      <alignment horizontal="right" vertical="center"/>
    </xf>
    <xf numFmtId="176" fontId="28" fillId="0" borderId="2" xfId="45" applyNumberFormat="1" applyFont="1" applyBorder="1" applyAlignment="1">
      <alignment horizontal="right" vertical="center"/>
    </xf>
    <xf numFmtId="176" fontId="28" fillId="0" borderId="0" xfId="45" applyNumberFormat="1" applyFont="1">
      <alignment vertical="center"/>
    </xf>
    <xf numFmtId="0" fontId="32" fillId="0" borderId="1" xfId="45" applyFont="1" applyBorder="1">
      <alignment vertical="center"/>
    </xf>
    <xf numFmtId="0" fontId="32" fillId="0" borderId="4" xfId="45" applyFont="1" applyBorder="1">
      <alignment vertical="center"/>
    </xf>
    <xf numFmtId="0" fontId="32" fillId="0" borderId="0" xfId="48" applyFont="1" applyAlignment="1"/>
    <xf numFmtId="0" fontId="32" fillId="0" borderId="5" xfId="45" applyFont="1" applyBorder="1">
      <alignment vertical="center"/>
    </xf>
    <xf numFmtId="0" fontId="33" fillId="0" borderId="4" xfId="45" applyFont="1" applyBorder="1">
      <alignment vertical="center"/>
    </xf>
    <xf numFmtId="0" fontId="33" fillId="0" borderId="5" xfId="45" applyFont="1" applyBorder="1">
      <alignment vertical="center"/>
    </xf>
    <xf numFmtId="58" fontId="32" fillId="0" borderId="0" xfId="45" applyNumberFormat="1" applyFont="1">
      <alignment vertical="center"/>
    </xf>
    <xf numFmtId="0" fontId="32" fillId="0" borderId="2" xfId="45" applyFont="1" applyBorder="1" applyAlignment="1">
      <alignment horizontal="left" vertical="center" indent="1"/>
    </xf>
    <xf numFmtId="0" fontId="32" fillId="0" borderId="7" xfId="45" applyFont="1" applyBorder="1">
      <alignment vertical="center"/>
    </xf>
    <xf numFmtId="0" fontId="32" fillId="0" borderId="8" xfId="45" applyFont="1" applyBorder="1">
      <alignment vertical="center"/>
    </xf>
    <xf numFmtId="176" fontId="32" fillId="0" borderId="8" xfId="45" applyNumberFormat="1" applyFont="1" applyBorder="1">
      <alignment vertical="center"/>
    </xf>
    <xf numFmtId="0" fontId="32" fillId="0" borderId="9" xfId="45" applyFont="1" applyBorder="1">
      <alignment vertical="center"/>
    </xf>
    <xf numFmtId="0" fontId="34" fillId="0" borderId="0" xfId="45" applyFont="1">
      <alignment vertical="center"/>
    </xf>
    <xf numFmtId="0" fontId="29" fillId="0" borderId="0" xfId="49" applyFont="1" applyAlignment="1">
      <alignment horizontal="left" vertical="center"/>
    </xf>
    <xf numFmtId="0" fontId="34" fillId="0" borderId="1" xfId="45" applyFont="1" applyBorder="1">
      <alignment vertical="center"/>
    </xf>
    <xf numFmtId="0" fontId="34" fillId="0" borderId="2" xfId="45" applyFont="1" applyBorder="1">
      <alignment vertical="center"/>
    </xf>
    <xf numFmtId="0" fontId="34" fillId="0" borderId="3" xfId="45" applyFont="1" applyBorder="1">
      <alignment vertical="center"/>
    </xf>
    <xf numFmtId="0" fontId="34" fillId="0" borderId="4" xfId="45" applyFont="1" applyBorder="1">
      <alignment vertical="center"/>
    </xf>
    <xf numFmtId="0" fontId="35" fillId="0" borderId="0" xfId="45" applyFont="1">
      <alignment vertical="center"/>
    </xf>
    <xf numFmtId="0" fontId="33" fillId="0" borderId="0" xfId="45" applyFont="1">
      <alignment vertical="center"/>
    </xf>
    <xf numFmtId="0" fontId="34" fillId="0" borderId="5" xfId="45" applyFont="1" applyBorder="1">
      <alignment vertical="center"/>
    </xf>
    <xf numFmtId="0" fontId="32" fillId="0" borderId="0" xfId="55" applyFont="1" applyAlignment="1">
      <alignment horizontal="left" vertical="center"/>
    </xf>
    <xf numFmtId="58" fontId="32" fillId="0" borderId="0" xfId="45" quotePrefix="1" applyNumberFormat="1" applyFont="1">
      <alignment vertical="center"/>
    </xf>
    <xf numFmtId="0" fontId="32" fillId="0" borderId="10" xfId="45" applyFont="1" applyBorder="1" applyAlignment="1">
      <alignment horizontal="center" vertical="center" wrapText="1"/>
    </xf>
    <xf numFmtId="176" fontId="32" fillId="0" borderId="10" xfId="45" applyNumberFormat="1" applyFont="1" applyBorder="1">
      <alignment vertical="center"/>
    </xf>
    <xf numFmtId="0" fontId="34" fillId="0" borderId="7" xfId="45" applyFont="1" applyBorder="1">
      <alignment vertical="center"/>
    </xf>
    <xf numFmtId="0" fontId="34" fillId="0" borderId="8" xfId="45" applyFont="1" applyBorder="1">
      <alignment vertical="center"/>
    </xf>
    <xf numFmtId="0" fontId="34" fillId="0" borderId="9" xfId="45" applyFont="1" applyBorder="1">
      <alignment vertical="center"/>
    </xf>
    <xf numFmtId="0" fontId="36" fillId="0" borderId="1" xfId="45" applyFont="1" applyBorder="1">
      <alignment vertical="center"/>
    </xf>
    <xf numFmtId="0" fontId="28" fillId="0" borderId="0" xfId="53" applyFont="1" applyAlignment="1"/>
    <xf numFmtId="0" fontId="35" fillId="0" borderId="0" xfId="53" applyFont="1" applyAlignment="1">
      <alignment horizontal="center"/>
    </xf>
    <xf numFmtId="0" fontId="37" fillId="0" borderId="0" xfId="53" applyFont="1" applyAlignment="1">
      <alignment horizontal="center" vertical="center"/>
    </xf>
    <xf numFmtId="0" fontId="28" fillId="0" borderId="0" xfId="53" applyFont="1">
      <alignment vertical="center"/>
    </xf>
    <xf numFmtId="0" fontId="28" fillId="0" borderId="0" xfId="53" applyFont="1" applyAlignment="1">
      <alignment horizontal="center" vertical="center"/>
    </xf>
    <xf numFmtId="49" fontId="28" fillId="0" borderId="0" xfId="53" applyNumberFormat="1" applyFont="1" applyAlignment="1">
      <alignment horizontal="center" vertical="center"/>
    </xf>
    <xf numFmtId="0" fontId="28" fillId="0" borderId="0" xfId="45" applyFont="1" applyAlignment="1">
      <alignment horizontal="center" vertical="center"/>
    </xf>
    <xf numFmtId="0" fontId="28" fillId="0" borderId="8" xfId="45" applyFont="1" applyBorder="1">
      <alignment vertical="center"/>
    </xf>
    <xf numFmtId="0" fontId="28" fillId="0" borderId="7" xfId="45" applyFont="1" applyBorder="1">
      <alignment vertical="center"/>
    </xf>
    <xf numFmtId="176" fontId="28" fillId="0" borderId="8" xfId="45" applyNumberFormat="1" applyFont="1" applyBorder="1" applyAlignment="1">
      <alignment horizontal="right" vertical="center"/>
    </xf>
    <xf numFmtId="0" fontId="28" fillId="0" borderId="9" xfId="45" applyFont="1" applyBorder="1">
      <alignment vertical="center"/>
    </xf>
    <xf numFmtId="0" fontId="32" fillId="0" borderId="0" xfId="46" applyFont="1">
      <alignment vertical="center"/>
    </xf>
    <xf numFmtId="0" fontId="6" fillId="0" borderId="0" xfId="46" applyFont="1">
      <alignment vertical="center"/>
    </xf>
    <xf numFmtId="0" fontId="6" fillId="0" borderId="0" xfId="46" applyFont="1" applyAlignment="1">
      <alignment horizontal="right" vertical="center"/>
    </xf>
    <xf numFmtId="0" fontId="6" fillId="0" borderId="11" xfId="46" applyFont="1" applyBorder="1" applyAlignment="1">
      <alignment horizontal="center" vertical="center" wrapText="1"/>
    </xf>
    <xf numFmtId="0" fontId="6" fillId="0" borderId="11" xfId="46" applyFont="1" applyBorder="1" applyAlignment="1">
      <alignment horizontal="center" vertical="center"/>
    </xf>
    <xf numFmtId="0" fontId="6" fillId="0" borderId="12" xfId="46" applyFont="1" applyBorder="1" applyAlignment="1">
      <alignment horizontal="center" vertical="center"/>
    </xf>
    <xf numFmtId="0" fontId="6" fillId="0" borderId="13" xfId="46" applyFont="1" applyBorder="1">
      <alignment vertical="center"/>
    </xf>
    <xf numFmtId="0" fontId="6" fillId="0" borderId="14" xfId="46" applyFont="1" applyBorder="1">
      <alignment vertical="center"/>
    </xf>
    <xf numFmtId="0" fontId="6" fillId="0" borderId="15" xfId="46" applyFont="1" applyBorder="1">
      <alignment vertical="center"/>
    </xf>
    <xf numFmtId="176" fontId="6" fillId="0" borderId="10" xfId="46" applyNumberFormat="1" applyFont="1" applyBorder="1">
      <alignment vertical="center"/>
    </xf>
    <xf numFmtId="0" fontId="32" fillId="0" borderId="0" xfId="46" quotePrefix="1" applyFont="1">
      <alignment vertical="center"/>
    </xf>
    <xf numFmtId="0" fontId="32" fillId="0" borderId="0" xfId="46" applyFont="1" applyAlignment="1">
      <alignment horizontal="right" vertical="center"/>
    </xf>
    <xf numFmtId="0" fontId="32" fillId="0" borderId="10" xfId="46" applyFont="1" applyBorder="1" applyAlignment="1">
      <alignment horizontal="center" vertical="center"/>
    </xf>
    <xf numFmtId="176" fontId="32" fillId="0" borderId="10" xfId="46" applyNumberFormat="1" applyFont="1" applyBorder="1">
      <alignment vertical="center"/>
    </xf>
    <xf numFmtId="0" fontId="32" fillId="0" borderId="13" xfId="45" applyFont="1" applyBorder="1">
      <alignment vertical="center"/>
    </xf>
    <xf numFmtId="0" fontId="0" fillId="0" borderId="14" xfId="0" applyBorder="1">
      <alignment vertical="center"/>
    </xf>
    <xf numFmtId="0" fontId="32" fillId="0" borderId="14" xfId="45" applyFont="1" applyBorder="1">
      <alignment vertical="center"/>
    </xf>
    <xf numFmtId="176" fontId="32" fillId="0" borderId="14" xfId="45" applyNumberFormat="1" applyFont="1" applyBorder="1" applyAlignment="1">
      <alignment horizontal="right" vertical="center"/>
    </xf>
    <xf numFmtId="0" fontId="32" fillId="0" borderId="15" xfId="45" applyFont="1" applyBorder="1">
      <alignment vertical="center"/>
    </xf>
    <xf numFmtId="176" fontId="32" fillId="0" borderId="14" xfId="45" applyNumberFormat="1" applyFont="1" applyBorder="1">
      <alignment vertical="center"/>
    </xf>
    <xf numFmtId="176" fontId="32" fillId="0" borderId="15" xfId="45" applyNumberFormat="1" applyFont="1" applyBorder="1">
      <alignment vertical="center"/>
    </xf>
    <xf numFmtId="176" fontId="32" fillId="0" borderId="15" xfId="45" applyNumberFormat="1" applyFont="1" applyBorder="1" applyAlignment="1">
      <alignment horizontal="right" vertical="center"/>
    </xf>
    <xf numFmtId="0" fontId="32" fillId="0" borderId="0" xfId="45" applyFont="1" applyBorder="1">
      <alignment vertical="center"/>
    </xf>
    <xf numFmtId="176" fontId="32" fillId="0" borderId="0" xfId="45" applyNumberFormat="1" applyFont="1" applyBorder="1" applyAlignment="1">
      <alignment horizontal="right" vertical="center"/>
    </xf>
    <xf numFmtId="176" fontId="32" fillId="0" borderId="0" xfId="45" applyNumberFormat="1" applyFont="1" applyBorder="1">
      <alignment vertical="center"/>
    </xf>
    <xf numFmtId="0" fontId="32" fillId="0" borderId="1" xfId="45" applyFont="1" applyBorder="1" applyAlignment="1">
      <alignment horizontal="left" vertical="center"/>
    </xf>
    <xf numFmtId="0" fontId="32" fillId="0" borderId="0" xfId="45" applyFont="1" applyBorder="1" applyAlignment="1">
      <alignment horizontal="left" vertical="center"/>
    </xf>
    <xf numFmtId="176" fontId="32" fillId="0" borderId="5" xfId="45" applyNumberFormat="1" applyFont="1" applyBorder="1" applyAlignment="1">
      <alignment horizontal="right" vertical="center"/>
    </xf>
    <xf numFmtId="176" fontId="32" fillId="0" borderId="5" xfId="45" applyNumberFormat="1" applyFont="1" applyBorder="1">
      <alignment vertical="center"/>
    </xf>
    <xf numFmtId="177" fontId="32" fillId="0" borderId="13" xfId="45" applyNumberFormat="1" applyFont="1" applyBorder="1">
      <alignment vertical="center"/>
    </xf>
    <xf numFmtId="177" fontId="32" fillId="0" borderId="14" xfId="45" applyNumberFormat="1" applyFont="1" applyBorder="1" applyAlignment="1">
      <alignment horizontal="left" vertical="center" indent="1"/>
    </xf>
    <xf numFmtId="177" fontId="32" fillId="0" borderId="14" xfId="45" applyNumberFormat="1" applyFont="1" applyBorder="1">
      <alignment vertical="center"/>
    </xf>
    <xf numFmtId="177" fontId="32" fillId="0" borderId="15" xfId="45" applyNumberFormat="1" applyFont="1" applyBorder="1">
      <alignment vertical="center"/>
    </xf>
    <xf numFmtId="177" fontId="32" fillId="0" borderId="4" xfId="45" applyNumberFormat="1" applyFont="1" applyBorder="1">
      <alignment vertical="center"/>
    </xf>
    <xf numFmtId="177" fontId="32" fillId="0" borderId="0" xfId="45" applyNumberFormat="1" applyFont="1" applyBorder="1" applyAlignment="1">
      <alignment horizontal="left" vertical="center" indent="1"/>
    </xf>
    <xf numFmtId="177" fontId="32" fillId="0" borderId="0" xfId="45" applyNumberFormat="1" applyFont="1" applyBorder="1">
      <alignment vertical="center"/>
    </xf>
    <xf numFmtId="177" fontId="32" fillId="0" borderId="5" xfId="45" applyNumberFormat="1" applyFont="1" applyBorder="1" applyAlignment="1">
      <alignment horizontal="right" vertical="center"/>
    </xf>
    <xf numFmtId="177" fontId="32" fillId="0" borderId="7" xfId="45" applyNumberFormat="1" applyFont="1" applyBorder="1">
      <alignment vertical="center"/>
    </xf>
    <xf numFmtId="177" fontId="32" fillId="0" borderId="8" xfId="45" applyNumberFormat="1" applyFont="1" applyBorder="1" applyAlignment="1">
      <alignment horizontal="left" vertical="center" indent="1"/>
    </xf>
    <xf numFmtId="177" fontId="32" fillId="0" borderId="8" xfId="45" applyNumberFormat="1" applyFont="1" applyBorder="1">
      <alignment vertical="center"/>
    </xf>
    <xf numFmtId="176" fontId="32" fillId="0" borderId="8" xfId="45" applyNumberFormat="1" applyFont="1" applyBorder="1" applyAlignment="1">
      <alignment horizontal="right" vertical="center"/>
    </xf>
    <xf numFmtId="177" fontId="32" fillId="0" borderId="9" xfId="45" applyNumberFormat="1" applyFont="1" applyBorder="1" applyAlignment="1">
      <alignment horizontal="right" vertical="center"/>
    </xf>
    <xf numFmtId="177" fontId="32" fillId="0" borderId="5" xfId="45" applyNumberFormat="1" applyFont="1" applyBorder="1">
      <alignment vertical="center"/>
    </xf>
    <xf numFmtId="176" fontId="32" fillId="0" borderId="9" xfId="45" applyNumberFormat="1" applyFont="1" applyBorder="1" applyAlignment="1">
      <alignment horizontal="right" vertical="center"/>
    </xf>
    <xf numFmtId="0" fontId="32" fillId="0" borderId="4" xfId="45" applyFont="1" applyBorder="1" applyAlignment="1">
      <alignment horizontal="left" vertical="center"/>
    </xf>
    <xf numFmtId="0" fontId="32" fillId="0" borderId="11" xfId="46" applyFont="1" applyBorder="1" applyAlignment="1">
      <alignment horizontal="center" vertical="center"/>
    </xf>
    <xf numFmtId="0" fontId="32" fillId="0" borderId="12" xfId="46" applyFont="1" applyBorder="1" applyAlignment="1">
      <alignment horizontal="center" vertical="center"/>
    </xf>
    <xf numFmtId="0" fontId="32" fillId="0" borderId="11" xfId="46" applyFont="1" applyBorder="1" applyAlignment="1">
      <alignment horizontal="center" vertical="center" wrapText="1"/>
    </xf>
    <xf numFmtId="0" fontId="38" fillId="0" borderId="0" xfId="50" applyFont="1" applyAlignment="1">
      <alignment horizontal="left" vertical="center"/>
    </xf>
    <xf numFmtId="0" fontId="39" fillId="0" borderId="0" xfId="0" applyFont="1">
      <alignment vertical="center"/>
    </xf>
    <xf numFmtId="0" fontId="40" fillId="0" borderId="0" xfId="0" applyFont="1">
      <alignment vertical="center"/>
    </xf>
    <xf numFmtId="0" fontId="41" fillId="0" borderId="0" xfId="0" applyFont="1">
      <alignment vertical="center"/>
    </xf>
    <xf numFmtId="0" fontId="41" fillId="0" borderId="0" xfId="0" applyFont="1" applyAlignment="1">
      <alignment vertical="top" wrapText="1"/>
    </xf>
    <xf numFmtId="0" fontId="41" fillId="0" borderId="0" xfId="0" applyFont="1" applyAlignment="1">
      <alignment horizontal="left" vertical="top" wrapText="1"/>
    </xf>
    <xf numFmtId="0" fontId="41" fillId="0" borderId="0" xfId="0" applyFont="1" applyAlignment="1">
      <alignment vertical="center" wrapText="1"/>
    </xf>
    <xf numFmtId="0" fontId="42" fillId="0" borderId="0" xfId="0" applyFont="1">
      <alignment vertical="center"/>
    </xf>
    <xf numFmtId="0" fontId="43" fillId="0" borderId="0" xfId="0" applyFont="1">
      <alignment vertical="center"/>
    </xf>
    <xf numFmtId="0" fontId="44" fillId="0" borderId="0" xfId="0" applyFont="1">
      <alignment vertical="center"/>
    </xf>
    <xf numFmtId="176" fontId="32" fillId="0" borderId="16" xfId="46" applyNumberFormat="1" applyFont="1" applyBorder="1">
      <alignment vertical="center"/>
    </xf>
    <xf numFmtId="178" fontId="32" fillId="0" borderId="10" xfId="46" applyNumberFormat="1" applyFont="1" applyBorder="1">
      <alignment vertical="center"/>
    </xf>
    <xf numFmtId="0" fontId="35" fillId="0" borderId="0" xfId="50" applyFont="1" applyAlignment="1">
      <alignment horizontal="center"/>
    </xf>
    <xf numFmtId="0" fontId="37" fillId="0" borderId="0" xfId="50" applyFont="1" applyAlignment="1">
      <alignment horizontal="center" vertical="center"/>
    </xf>
    <xf numFmtId="0" fontId="28" fillId="0" borderId="0" xfId="50" applyFont="1" applyAlignment="1">
      <alignment horizontal="center" vertical="center"/>
    </xf>
    <xf numFmtId="49" fontId="28" fillId="0" borderId="0" xfId="50" applyNumberFormat="1" applyFont="1" applyAlignment="1">
      <alignment horizontal="center" vertical="center"/>
    </xf>
    <xf numFmtId="0" fontId="28" fillId="0" borderId="8" xfId="45" applyFont="1" applyBorder="1" applyAlignment="1">
      <alignment horizontal="center" vertical="center"/>
    </xf>
    <xf numFmtId="0" fontId="35" fillId="0" borderId="0" xfId="48" applyFont="1" applyAlignment="1">
      <alignment horizontal="center"/>
    </xf>
    <xf numFmtId="0" fontId="26" fillId="0" borderId="0" xfId="50" applyAlignment="1">
      <alignment horizontal="center"/>
    </xf>
    <xf numFmtId="0" fontId="37" fillId="0" borderId="0" xfId="48" applyFont="1" applyAlignment="1">
      <alignment horizontal="center"/>
    </xf>
    <xf numFmtId="0" fontId="26" fillId="0" borderId="0" xfId="50" applyAlignment="1">
      <alignment horizontal="center" vertical="center"/>
    </xf>
    <xf numFmtId="0" fontId="32" fillId="0" borderId="0" xfId="45" applyFont="1" applyAlignment="1">
      <alignment horizontal="center" vertical="center"/>
    </xf>
    <xf numFmtId="0" fontId="32" fillId="0" borderId="10" xfId="45" applyFont="1" applyBorder="1" applyAlignment="1">
      <alignment horizontal="center" vertical="center"/>
    </xf>
    <xf numFmtId="0" fontId="32" fillId="0" borderId="0" xfId="55" applyFont="1" applyAlignment="1">
      <alignment horizontal="center" vertical="center"/>
    </xf>
    <xf numFmtId="0" fontId="35" fillId="0" borderId="0" xfId="45" applyFont="1" applyAlignment="1">
      <alignment horizontal="center" vertical="center"/>
    </xf>
    <xf numFmtId="0" fontId="26" fillId="0" borderId="0" xfId="50">
      <alignment vertical="center"/>
    </xf>
    <xf numFmtId="0" fontId="37" fillId="0" borderId="0" xfId="45" applyFont="1" applyAlignment="1">
      <alignment horizontal="center" vertical="center"/>
    </xf>
    <xf numFmtId="49" fontId="32" fillId="0" borderId="0" xfId="55" applyNumberFormat="1" applyFont="1" applyAlignment="1">
      <alignment horizontal="center" vertical="center"/>
    </xf>
    <xf numFmtId="0" fontId="28" fillId="0" borderId="0" xfId="53" applyFont="1" applyAlignment="1">
      <alignment horizontal="center" vertical="center"/>
    </xf>
    <xf numFmtId="0" fontId="35" fillId="0" borderId="0" xfId="53" applyFont="1" applyAlignment="1">
      <alignment horizontal="center"/>
    </xf>
    <xf numFmtId="0" fontId="37" fillId="0" borderId="0" xfId="53" applyFont="1" applyAlignment="1">
      <alignment horizontal="center" vertical="center"/>
    </xf>
    <xf numFmtId="0" fontId="4" fillId="0" borderId="0" xfId="46" applyFont="1" applyAlignment="1">
      <alignment horizontal="center" vertical="center"/>
    </xf>
    <xf numFmtId="0" fontId="5" fillId="0" borderId="0" xfId="46" applyFont="1" applyAlignment="1">
      <alignment horizontal="center" vertical="center"/>
    </xf>
    <xf numFmtId="0" fontId="6" fillId="0" borderId="1" xfId="46" applyFont="1" applyBorder="1" applyAlignment="1">
      <alignment horizontal="center" vertical="center"/>
    </xf>
    <xf numFmtId="0" fontId="6" fillId="0" borderId="2" xfId="46" applyFont="1" applyBorder="1" applyAlignment="1">
      <alignment horizontal="center" vertical="center"/>
    </xf>
    <xf numFmtId="0" fontId="6" fillId="0" borderId="3" xfId="46" applyFont="1" applyBorder="1" applyAlignment="1">
      <alignment horizontal="center" vertical="center"/>
    </xf>
    <xf numFmtId="0" fontId="6" fillId="0" borderId="7" xfId="46" applyFont="1" applyBorder="1" applyAlignment="1">
      <alignment horizontal="center" vertical="center"/>
    </xf>
    <xf numFmtId="0" fontId="6" fillId="0" borderId="8" xfId="46" applyFont="1" applyBorder="1" applyAlignment="1">
      <alignment horizontal="center" vertical="center"/>
    </xf>
    <xf numFmtId="0" fontId="6" fillId="0" borderId="9" xfId="46" applyFont="1" applyBorder="1" applyAlignment="1">
      <alignment horizontal="center" vertical="center"/>
    </xf>
    <xf numFmtId="0" fontId="6" fillId="0" borderId="13" xfId="46" applyFont="1" applyBorder="1" applyAlignment="1">
      <alignment horizontal="center" vertical="center"/>
    </xf>
    <xf numFmtId="0" fontId="6" fillId="0" borderId="14" xfId="46" applyFont="1" applyBorder="1" applyAlignment="1">
      <alignment horizontal="center" vertical="center"/>
    </xf>
    <xf numFmtId="0" fontId="6" fillId="0" borderId="15" xfId="46" applyFont="1" applyBorder="1" applyAlignment="1">
      <alignment horizontal="center" vertical="center"/>
    </xf>
    <xf numFmtId="0" fontId="6" fillId="0" borderId="0" xfId="46" applyFont="1" applyAlignment="1">
      <alignment horizontal="left" vertical="center"/>
    </xf>
    <xf numFmtId="0" fontId="32" fillId="0" borderId="10" xfId="46" applyFont="1" applyBorder="1" applyAlignment="1">
      <alignment horizontal="left" vertical="center"/>
    </xf>
    <xf numFmtId="0" fontId="32" fillId="0" borderId="10" xfId="46" applyFont="1" applyBorder="1" applyAlignment="1">
      <alignment horizontal="center" vertical="center"/>
    </xf>
    <xf numFmtId="0" fontId="35" fillId="0" borderId="0" xfId="46" applyFont="1" applyAlignment="1">
      <alignment horizontal="center" vertical="center"/>
    </xf>
    <xf numFmtId="0" fontId="33" fillId="0" borderId="0" xfId="46" applyFont="1" applyAlignment="1">
      <alignment horizontal="center" vertical="center"/>
    </xf>
    <xf numFmtId="0" fontId="32" fillId="0" borderId="0" xfId="46" applyFont="1" applyAlignment="1">
      <alignment horizontal="center" vertical="center"/>
    </xf>
    <xf numFmtId="0" fontId="32" fillId="0" borderId="1" xfId="46" applyFont="1" applyBorder="1" applyAlignment="1">
      <alignment horizontal="center" vertical="center"/>
    </xf>
    <xf numFmtId="0" fontId="32" fillId="0" borderId="2" xfId="46" applyFont="1" applyBorder="1" applyAlignment="1">
      <alignment horizontal="center" vertical="center"/>
    </xf>
    <xf numFmtId="0" fontId="32" fillId="0" borderId="3" xfId="46" applyFont="1" applyBorder="1" applyAlignment="1">
      <alignment horizontal="center" vertical="center"/>
    </xf>
    <xf numFmtId="0" fontId="32" fillId="0" borderId="7" xfId="46" applyFont="1" applyBorder="1" applyAlignment="1">
      <alignment horizontal="center" vertical="center"/>
    </xf>
    <xf numFmtId="0" fontId="32" fillId="0" borderId="8" xfId="46" applyFont="1" applyBorder="1" applyAlignment="1">
      <alignment horizontal="center" vertical="center"/>
    </xf>
    <xf numFmtId="0" fontId="32" fillId="0" borderId="9" xfId="46" applyFont="1" applyBorder="1" applyAlignment="1">
      <alignment horizontal="center" vertical="center"/>
    </xf>
    <xf numFmtId="0" fontId="32" fillId="0" borderId="11" xfId="46" applyFont="1" applyBorder="1" applyAlignment="1">
      <alignment horizontal="center" vertical="center"/>
    </xf>
    <xf numFmtId="0" fontId="32" fillId="0" borderId="12" xfId="46" applyFont="1" applyBorder="1" applyAlignment="1">
      <alignment horizontal="center" vertical="center"/>
    </xf>
    <xf numFmtId="0" fontId="32" fillId="0" borderId="13" xfId="46" applyFont="1" applyBorder="1" applyAlignment="1">
      <alignment horizontal="center" vertical="center"/>
    </xf>
    <xf numFmtId="0" fontId="32" fillId="0" borderId="14" xfId="46" applyFont="1" applyBorder="1" applyAlignment="1">
      <alignment horizontal="center" vertical="center"/>
    </xf>
    <xf numFmtId="0" fontId="32" fillId="0" borderId="15" xfId="46" applyFont="1" applyBorder="1" applyAlignment="1">
      <alignment horizontal="center" vertical="center"/>
    </xf>
    <xf numFmtId="0" fontId="32" fillId="0" borderId="11" xfId="46" applyFont="1" applyBorder="1" applyAlignment="1">
      <alignment horizontal="center" vertical="center" wrapText="1"/>
    </xf>
    <xf numFmtId="0" fontId="32" fillId="0" borderId="12" xfId="46" applyFont="1" applyBorder="1" applyAlignment="1">
      <alignment horizontal="center" vertical="center" wrapText="1"/>
    </xf>
    <xf numFmtId="0" fontId="41" fillId="0" borderId="0" xfId="0" applyFont="1" applyAlignment="1">
      <alignment horizontal="left" vertical="top" wrapText="1"/>
    </xf>
    <xf numFmtId="0" fontId="45" fillId="0" borderId="0" xfId="0" applyFont="1" applyAlignment="1">
      <alignment horizontal="center" vertical="center"/>
    </xf>
    <xf numFmtId="0" fontId="41" fillId="0" borderId="0" xfId="0" applyFont="1" applyAlignment="1">
      <alignment horizontal="left" vertical="top"/>
    </xf>
    <xf numFmtId="0" fontId="36" fillId="0" borderId="13" xfId="46" applyFont="1" applyBorder="1">
      <alignment vertical="center"/>
    </xf>
    <xf numFmtId="0" fontId="36" fillId="0" borderId="14" xfId="46" applyFont="1" applyBorder="1">
      <alignment vertical="center"/>
    </xf>
    <xf numFmtId="0" fontId="36" fillId="0" borderId="15" xfId="46" applyFont="1" applyBorder="1">
      <alignment vertical="center"/>
    </xf>
  </cellXfs>
  <cellStyles count="60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 2" xfId="13" xr:uid="{2CCB5E9A-C1E9-43BB-9E08-B3BB0284B65C}"/>
    <cellStyle name="60% - アクセント 2 2" xfId="14" xr:uid="{2C72790E-1C26-4B33-B745-A6FFA748A003}"/>
    <cellStyle name="60% - アクセント 3 2" xfId="15" xr:uid="{1BB87217-7496-47C5-B178-5422AF94DABC}"/>
    <cellStyle name="60% - アクセント 4 2" xfId="16" xr:uid="{17994D85-5B0F-4111-B635-84F4773B4AE5}"/>
    <cellStyle name="60% - アクセント 5 2" xfId="17" xr:uid="{CDEEA8BE-8F09-4FB6-B95C-3BF98FCBA889}"/>
    <cellStyle name="60% - アクセント 6 2" xfId="18" xr:uid="{6E6F5A67-28FA-4C0E-8741-0882F3C88FF5}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 2" xfId="25" xr:uid="{945DAA22-A64C-4D00-BBFB-AB7986778A7C}"/>
    <cellStyle name="チェック セル" xfId="26" builtinId="23" customBuiltin="1"/>
    <cellStyle name="どちらでもない 2" xfId="27" xr:uid="{2B5CCA39-3BDA-41F8-B505-C8143ADCF3C8}"/>
    <cellStyle name="メモ 2" xfId="28" xr:uid="{62E80956-8F30-4503-ADBE-4EEB28D270AC}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桁区切り 2" xfId="33" xr:uid="{E7206560-025D-49C4-9A31-0E816C5464B3}"/>
    <cellStyle name="桁区切り 2 2" xfId="34" xr:uid="{720544E4-45DA-4005-880A-B8553F48B196}"/>
    <cellStyle name="桁区切り 3" xfId="35" xr:uid="{D0555C83-E5E7-4F95-A028-5C0D574B2540}"/>
    <cellStyle name="桁区切り 4" xfId="36" xr:uid="{9BB8DEA6-CB7B-4D46-BDC4-65B8E6BF5BA4}"/>
    <cellStyle name="見出し 1" xfId="37" builtinId="16" customBuiltin="1"/>
    <cellStyle name="見出し 2" xfId="38" builtinId="17" customBuiltin="1"/>
    <cellStyle name="見出し 3" xfId="39" builtinId="18" customBuiltin="1"/>
    <cellStyle name="見出し 4" xfId="40" builtinId="19" customBuiltin="1"/>
    <cellStyle name="集計" xfId="41" builtinId="25" customBuiltin="1"/>
    <cellStyle name="出力" xfId="42" builtinId="21" customBuiltin="1"/>
    <cellStyle name="説明文" xfId="43" builtinId="53" customBuiltin="1"/>
    <cellStyle name="入力" xfId="44" builtinId="20" customBuiltin="1"/>
    <cellStyle name="標準" xfId="0" builtinId="0"/>
    <cellStyle name="標準 2" xfId="45" xr:uid="{43736D7C-997F-4004-A351-6B76D4F981E2}"/>
    <cellStyle name="標準 2 2" xfId="46" xr:uid="{2CC33BFA-E216-462F-AEC8-A2EA21BA05A0}"/>
    <cellStyle name="標準 2 3" xfId="47" xr:uid="{C3491E2A-C522-4C33-83CB-A06E53F86334}"/>
    <cellStyle name="標準 3" xfId="48" xr:uid="{C22DD896-9111-4674-97C6-4002DFAA36F1}"/>
    <cellStyle name="標準 4" xfId="49" xr:uid="{E62B0C88-4840-41AE-A162-7A604735158E}"/>
    <cellStyle name="標準 4 2" xfId="50" xr:uid="{E2964A3C-E2EB-4CBE-B512-48C960652FAF}"/>
    <cellStyle name="標準 4 3" xfId="51" xr:uid="{B18BDEF2-EBBE-423C-80F4-322110760A1E}"/>
    <cellStyle name="標準 5" xfId="52" xr:uid="{2CDDEEF4-711C-4A19-AED1-6214A0E15376}"/>
    <cellStyle name="標準 5 2" xfId="53" xr:uid="{C4512705-D027-4BE8-8994-EA18D5060859}"/>
    <cellStyle name="標準 6" xfId="54" xr:uid="{B2189497-606A-47C5-A427-3B7815A7B9B9}"/>
    <cellStyle name="標準 6 2" xfId="55" xr:uid="{42E10EE8-82F8-4BE8-8B90-D35B8796811E}"/>
    <cellStyle name="標準 7" xfId="56" xr:uid="{171F987B-34A4-4E4B-8FB8-00F6535D13D8}"/>
    <cellStyle name="標準 8" xfId="57" xr:uid="{E1F12844-4AFC-44A7-B540-858DEF10C8B9}"/>
    <cellStyle name="標準 9" xfId="58" xr:uid="{A141DFC4-74C9-435B-BF65-57105ACFBBA3}"/>
    <cellStyle name="良い" xfId="59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externalLink" Target="externalLinks/externalLink5.xml"/><Relationship Id="rId1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externalLink" Target="externalLinks/externalLink4.xml"/><Relationship Id="rId1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6" Type="http://schemas.openxmlformats.org/officeDocument/2006/relationships/styles" Target="style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3.xml"/><Relationship Id="rId5" Type="http://schemas.openxmlformats.org/officeDocument/2006/relationships/worksheet" Target="worksheets/sheet5.xml"/><Relationship Id="rId15" Type="http://schemas.openxmlformats.org/officeDocument/2006/relationships/theme" Target="theme/theme1.xml"/><Relationship Id="rId10" Type="http://schemas.openxmlformats.org/officeDocument/2006/relationships/externalLink" Target="externalLinks/externalLink2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1.xml"/><Relationship Id="rId14" Type="http://schemas.openxmlformats.org/officeDocument/2006/relationships/externalLink" Target="externalLinks/externalLink6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6330043\Desktop\IP537300&#36001;&#21209;&#35576;&#34920;&#31561;&#20316;&#25104;&#12510;&#12463;&#12525;%20&#12398;&#12467;&#12500;&#12540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B7">
            <v>1</v>
          </cell>
          <cell r="C7">
            <v>0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B8">
            <v>1</v>
          </cell>
          <cell r="C8">
            <v>10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B9">
            <v>1</v>
          </cell>
          <cell r="C9">
            <v>10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B10">
            <v>1</v>
          </cell>
          <cell r="C10">
            <v>10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B11">
            <v>1</v>
          </cell>
          <cell r="C11">
            <v>10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B12">
            <v>1</v>
          </cell>
          <cell r="C12">
            <v>10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B13">
            <v>1</v>
          </cell>
          <cell r="C13">
            <v>10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B14">
            <v>1</v>
          </cell>
          <cell r="C14">
            <v>10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B15">
            <v>1</v>
          </cell>
          <cell r="C15">
            <v>10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B16">
            <v>1</v>
          </cell>
          <cell r="C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B17">
            <v>1</v>
          </cell>
          <cell r="C17">
            <v>10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B18">
            <v>1</v>
          </cell>
          <cell r="C18">
            <v>10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B19">
            <v>1</v>
          </cell>
          <cell r="C19">
            <v>10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B20">
            <v>1</v>
          </cell>
          <cell r="C20">
            <v>10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B21">
            <v>1</v>
          </cell>
          <cell r="C21">
            <v>10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B22">
            <v>1</v>
          </cell>
          <cell r="C22">
            <v>10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B23">
            <v>1</v>
          </cell>
          <cell r="C23">
            <v>10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B24">
            <v>1</v>
          </cell>
          <cell r="C24">
            <v>20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B25">
            <v>1</v>
          </cell>
          <cell r="C25">
            <v>20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B26">
            <v>1</v>
          </cell>
          <cell r="C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B27">
            <v>1</v>
          </cell>
          <cell r="C27">
            <v>20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K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B28">
            <v>1</v>
          </cell>
          <cell r="C28">
            <v>20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B29">
            <v>1</v>
          </cell>
          <cell r="C29">
            <v>20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B30">
            <v>1</v>
          </cell>
          <cell r="C30">
            <v>20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K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B31">
            <v>1</v>
          </cell>
          <cell r="C31">
            <v>20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B32">
            <v>1</v>
          </cell>
          <cell r="C32">
            <v>20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B33">
            <v>1</v>
          </cell>
          <cell r="C33">
            <v>20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B34">
            <v>1</v>
          </cell>
          <cell r="C34">
            <v>20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K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B35">
            <v>1</v>
          </cell>
          <cell r="C35">
            <v>20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B36">
            <v>1</v>
          </cell>
          <cell r="C36">
            <v>2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B37">
            <v>1</v>
          </cell>
          <cell r="C37">
            <v>20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K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B38">
            <v>1</v>
          </cell>
          <cell r="C38">
            <v>20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B39">
            <v>1</v>
          </cell>
          <cell r="C39">
            <v>20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B40">
            <v>1</v>
          </cell>
          <cell r="C40">
            <v>20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B41">
            <v>1</v>
          </cell>
          <cell r="C41">
            <v>20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B42">
            <v>1</v>
          </cell>
          <cell r="C42">
            <v>20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B43">
            <v>1</v>
          </cell>
          <cell r="C43">
            <v>20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B44">
            <v>1</v>
          </cell>
          <cell r="C44">
            <v>20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B45">
            <v>1</v>
          </cell>
          <cell r="C45">
            <v>20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B46">
            <v>1</v>
          </cell>
          <cell r="C46">
            <v>2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K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B47">
            <v>1</v>
          </cell>
          <cell r="C47">
            <v>20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B48">
            <v>1</v>
          </cell>
          <cell r="C48">
            <v>20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B49">
            <v>1</v>
          </cell>
          <cell r="C49">
            <v>20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K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B50">
            <v>1</v>
          </cell>
          <cell r="C50">
            <v>20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B51">
            <v>1</v>
          </cell>
          <cell r="C51">
            <v>20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B52">
            <v>1</v>
          </cell>
          <cell r="C52">
            <v>20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B53">
            <v>1</v>
          </cell>
          <cell r="C53">
            <v>20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K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B54">
            <v>1</v>
          </cell>
          <cell r="C54">
            <v>20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B55">
            <v>1</v>
          </cell>
          <cell r="C55">
            <v>20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B56">
            <v>1</v>
          </cell>
          <cell r="C56">
            <v>2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K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B57">
            <v>1</v>
          </cell>
          <cell r="C57">
            <v>20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B58">
            <v>1</v>
          </cell>
          <cell r="C58">
            <v>20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B59">
            <v>1</v>
          </cell>
          <cell r="C59">
            <v>20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B60">
            <v>1</v>
          </cell>
          <cell r="C60">
            <v>20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B61">
            <v>1</v>
          </cell>
          <cell r="C61">
            <v>20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B62">
            <v>1</v>
          </cell>
          <cell r="C62">
            <v>20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B63">
            <v>1</v>
          </cell>
          <cell r="C63">
            <v>20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B64">
            <v>1</v>
          </cell>
          <cell r="C64">
            <v>20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B65">
            <v>1</v>
          </cell>
          <cell r="C65">
            <v>20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K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B66">
            <v>1</v>
          </cell>
          <cell r="C66">
            <v>2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B67">
            <v>1</v>
          </cell>
          <cell r="C67">
            <v>20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B68">
            <v>1</v>
          </cell>
          <cell r="C68">
            <v>20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B69">
            <v>1</v>
          </cell>
          <cell r="C69">
            <v>20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B70">
            <v>1</v>
          </cell>
          <cell r="C70">
            <v>20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B71">
            <v>1</v>
          </cell>
          <cell r="C71">
            <v>20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K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B72">
            <v>1</v>
          </cell>
          <cell r="C72">
            <v>20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B73">
            <v>1</v>
          </cell>
          <cell r="C73">
            <v>20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B74">
            <v>1</v>
          </cell>
          <cell r="C74">
            <v>20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B75">
            <v>1</v>
          </cell>
          <cell r="C75">
            <v>20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B76">
            <v>1</v>
          </cell>
          <cell r="C76">
            <v>2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B77">
            <v>1</v>
          </cell>
          <cell r="C77">
            <v>20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B78">
            <v>1</v>
          </cell>
          <cell r="C78">
            <v>20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B79">
            <v>1</v>
          </cell>
          <cell r="C79">
            <v>20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B80">
            <v>1</v>
          </cell>
          <cell r="C80">
            <v>20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B81">
            <v>1</v>
          </cell>
          <cell r="C81">
            <v>20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B82">
            <v>1</v>
          </cell>
          <cell r="C82">
            <v>20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B83">
            <v>1</v>
          </cell>
          <cell r="C83">
            <v>20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B84">
            <v>1</v>
          </cell>
          <cell r="C84">
            <v>20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B85">
            <v>1</v>
          </cell>
          <cell r="C85">
            <v>20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B86">
            <v>1</v>
          </cell>
          <cell r="C86">
            <v>2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B87">
            <v>1</v>
          </cell>
          <cell r="C87">
            <v>20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B88">
            <v>1</v>
          </cell>
          <cell r="C88">
            <v>20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B89">
            <v>1</v>
          </cell>
          <cell r="C89">
            <v>20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B90">
            <v>1</v>
          </cell>
          <cell r="C90">
            <v>20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B91">
            <v>1</v>
          </cell>
          <cell r="C91">
            <v>20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B92">
            <v>1</v>
          </cell>
          <cell r="C92">
            <v>20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B93">
            <v>1</v>
          </cell>
          <cell r="C93">
            <v>20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B94">
            <v>1</v>
          </cell>
          <cell r="C94">
            <v>20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B95">
            <v>2</v>
          </cell>
          <cell r="C95">
            <v>0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K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B96">
            <v>2</v>
          </cell>
          <cell r="C96">
            <v>1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B97">
            <v>2</v>
          </cell>
          <cell r="C97">
            <v>10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B98">
            <v>2</v>
          </cell>
          <cell r="C98">
            <v>10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B99">
            <v>2</v>
          </cell>
          <cell r="C99">
            <v>10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B100">
            <v>2</v>
          </cell>
          <cell r="C100">
            <v>10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B101">
            <v>2</v>
          </cell>
          <cell r="C101">
            <v>10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B102">
            <v>2</v>
          </cell>
          <cell r="C102">
            <v>10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B103">
            <v>2</v>
          </cell>
          <cell r="C103">
            <v>10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B104">
            <v>2</v>
          </cell>
          <cell r="C104">
            <v>10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B105">
            <v>2</v>
          </cell>
          <cell r="C105">
            <v>10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B106">
            <v>2</v>
          </cell>
          <cell r="C106">
            <v>1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B107">
            <v>2</v>
          </cell>
          <cell r="C107">
            <v>10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B108">
            <v>2</v>
          </cell>
          <cell r="C108">
            <v>10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B109">
            <v>2</v>
          </cell>
          <cell r="C109">
            <v>10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B110">
            <v>2</v>
          </cell>
          <cell r="C110">
            <v>10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B111">
            <v>2</v>
          </cell>
          <cell r="C111">
            <v>10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B112">
            <v>2</v>
          </cell>
          <cell r="C112">
            <v>20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B113">
            <v>2</v>
          </cell>
          <cell r="C113">
            <v>20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B114">
            <v>2</v>
          </cell>
          <cell r="C114">
            <v>20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B115">
            <v>2</v>
          </cell>
          <cell r="C115">
            <v>20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B116">
            <v>2</v>
          </cell>
          <cell r="C116">
            <v>2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B117">
            <v>2</v>
          </cell>
          <cell r="C117">
            <v>20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B118">
            <v>2</v>
          </cell>
          <cell r="C118">
            <v>20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B119">
            <v>2</v>
          </cell>
          <cell r="C119">
            <v>20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B120">
            <v>2</v>
          </cell>
          <cell r="C120">
            <v>20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B121">
            <v>2</v>
          </cell>
          <cell r="C121">
            <v>20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B122">
            <v>2</v>
          </cell>
          <cell r="C122">
            <v>20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B123">
            <v>3</v>
          </cell>
          <cell r="C123">
            <v>0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B124">
            <v>3</v>
          </cell>
          <cell r="C124">
            <v>10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B125">
            <v>3</v>
          </cell>
          <cell r="C125">
            <v>10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B126">
            <v>3</v>
          </cell>
          <cell r="C126">
            <v>1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B127">
            <v>3</v>
          </cell>
          <cell r="C127">
            <v>10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B128">
            <v>3</v>
          </cell>
          <cell r="C128">
            <v>10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B129">
            <v>3</v>
          </cell>
          <cell r="C129">
            <v>10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B130">
            <v>3</v>
          </cell>
          <cell r="C130">
            <v>10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B131">
            <v>3</v>
          </cell>
          <cell r="C131">
            <v>10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B132">
            <v>3</v>
          </cell>
          <cell r="C132">
            <v>10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B133">
            <v>3</v>
          </cell>
          <cell r="C133">
            <v>10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B134">
            <v>3</v>
          </cell>
          <cell r="C134">
            <v>10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B135">
            <v>3</v>
          </cell>
          <cell r="C135">
            <v>10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B136">
            <v>3</v>
          </cell>
          <cell r="C136">
            <v>1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B137">
            <v>11</v>
          </cell>
          <cell r="C137">
            <v>0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B138">
            <v>11</v>
          </cell>
          <cell r="C138">
            <v>10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B139">
            <v>11</v>
          </cell>
          <cell r="C139">
            <v>10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B140">
            <v>11</v>
          </cell>
          <cell r="C140">
            <v>10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B141">
            <v>11</v>
          </cell>
          <cell r="C141">
            <v>10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B142">
            <v>11</v>
          </cell>
          <cell r="C142">
            <v>10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B143">
            <v>11</v>
          </cell>
          <cell r="C143">
            <v>10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B144">
            <v>11</v>
          </cell>
          <cell r="C144">
            <v>10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B145">
            <v>11</v>
          </cell>
          <cell r="C145">
            <v>10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B146">
            <v>11</v>
          </cell>
          <cell r="C146">
            <v>1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B147">
            <v>11</v>
          </cell>
          <cell r="C147">
            <v>10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B148">
            <v>11</v>
          </cell>
          <cell r="C148">
            <v>10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B149">
            <v>11</v>
          </cell>
          <cell r="C149">
            <v>10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B150">
            <v>11</v>
          </cell>
          <cell r="C150">
            <v>10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B151">
            <v>11</v>
          </cell>
          <cell r="C151">
            <v>10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B152">
            <v>11</v>
          </cell>
          <cell r="C152">
            <v>10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B153">
            <v>11</v>
          </cell>
          <cell r="C153">
            <v>10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B154">
            <v>11</v>
          </cell>
          <cell r="C154">
            <v>10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B155">
            <v>11</v>
          </cell>
          <cell r="C155">
            <v>10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B156">
            <v>11</v>
          </cell>
          <cell r="C156">
            <v>1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B157">
            <v>11</v>
          </cell>
          <cell r="C157">
            <v>10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B158">
            <v>11</v>
          </cell>
          <cell r="C158">
            <v>10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K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B159">
            <v>11</v>
          </cell>
          <cell r="C159">
            <v>10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B160">
            <v>11</v>
          </cell>
          <cell r="C160">
            <v>10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B161">
            <v>11</v>
          </cell>
          <cell r="C161">
            <v>10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B162">
            <v>11</v>
          </cell>
          <cell r="C162">
            <v>10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K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B163">
            <v>11</v>
          </cell>
          <cell r="C163">
            <v>10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B164">
            <v>11</v>
          </cell>
          <cell r="C164">
            <v>10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B165">
            <v>11</v>
          </cell>
          <cell r="C165">
            <v>10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B166">
            <v>11</v>
          </cell>
          <cell r="C166">
            <v>1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B167">
            <v>11</v>
          </cell>
          <cell r="C167">
            <v>10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B168">
            <v>11</v>
          </cell>
          <cell r="C168">
            <v>10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B169">
            <v>11</v>
          </cell>
          <cell r="C169">
            <v>10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B170">
            <v>11</v>
          </cell>
          <cell r="C170">
            <v>10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B171">
            <v>11</v>
          </cell>
          <cell r="C171">
            <v>10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B172">
            <v>11</v>
          </cell>
          <cell r="C172">
            <v>10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B173">
            <v>11</v>
          </cell>
          <cell r="C173">
            <v>10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B174">
            <v>11</v>
          </cell>
          <cell r="C174">
            <v>10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B175">
            <v>11</v>
          </cell>
          <cell r="C175">
            <v>10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B176">
            <v>11</v>
          </cell>
          <cell r="C176">
            <v>1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B177">
            <v>11</v>
          </cell>
          <cell r="C177">
            <v>10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B178">
            <v>11</v>
          </cell>
          <cell r="C178">
            <v>10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B179">
            <v>11</v>
          </cell>
          <cell r="C179">
            <v>10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B180">
            <v>11</v>
          </cell>
          <cell r="C180">
            <v>10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B181">
            <v>11</v>
          </cell>
          <cell r="C181">
            <v>10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B182">
            <v>11</v>
          </cell>
          <cell r="C182">
            <v>10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B183">
            <v>11</v>
          </cell>
          <cell r="C183">
            <v>10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B184">
            <v>11</v>
          </cell>
          <cell r="C184">
            <v>10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B185">
            <v>11</v>
          </cell>
          <cell r="C185">
            <v>10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B186">
            <v>11</v>
          </cell>
          <cell r="C186">
            <v>1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B187">
            <v>11</v>
          </cell>
          <cell r="C187">
            <v>10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B188">
            <v>11</v>
          </cell>
          <cell r="C188">
            <v>10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B189">
            <v>11</v>
          </cell>
          <cell r="C189">
            <v>10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B190">
            <v>11</v>
          </cell>
          <cell r="C190">
            <v>10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B191">
            <v>11</v>
          </cell>
          <cell r="C191">
            <v>10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B192">
            <v>11</v>
          </cell>
          <cell r="C192">
            <v>10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B193">
            <v>11</v>
          </cell>
          <cell r="C193">
            <v>10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B194">
            <v>11</v>
          </cell>
          <cell r="C194">
            <v>10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B195">
            <v>11</v>
          </cell>
          <cell r="C195">
            <v>10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B196">
            <v>11</v>
          </cell>
          <cell r="C196">
            <v>1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B197">
            <v>11</v>
          </cell>
          <cell r="C197">
            <v>10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B198">
            <v>11</v>
          </cell>
          <cell r="C198">
            <v>10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B199">
            <v>11</v>
          </cell>
          <cell r="C199">
            <v>10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B200">
            <v>11</v>
          </cell>
          <cell r="C200">
            <v>10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B201">
            <v>11</v>
          </cell>
          <cell r="C201">
            <v>10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B202">
            <v>11</v>
          </cell>
          <cell r="C202">
            <v>10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B203">
            <v>11</v>
          </cell>
          <cell r="C203">
            <v>10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B204">
            <v>11</v>
          </cell>
          <cell r="C204">
            <v>10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B205">
            <v>11</v>
          </cell>
          <cell r="C205">
            <v>10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B206">
            <v>11</v>
          </cell>
          <cell r="C206">
            <v>1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B207">
            <v>11</v>
          </cell>
          <cell r="C207">
            <v>10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B208">
            <v>11</v>
          </cell>
          <cell r="C208">
            <v>10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B209">
            <v>11</v>
          </cell>
          <cell r="C209">
            <v>10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B210">
            <v>11</v>
          </cell>
          <cell r="C210">
            <v>10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B211">
            <v>11</v>
          </cell>
          <cell r="C211">
            <v>10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B212">
            <v>11</v>
          </cell>
          <cell r="C212">
            <v>10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B213">
            <v>11</v>
          </cell>
          <cell r="C213">
            <v>10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B214">
            <v>11</v>
          </cell>
          <cell r="C214">
            <v>10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B215">
            <v>11</v>
          </cell>
          <cell r="C215">
            <v>10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B216">
            <v>11</v>
          </cell>
          <cell r="C216">
            <v>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B217">
            <v>11</v>
          </cell>
          <cell r="C217">
            <v>10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B218">
            <v>11</v>
          </cell>
          <cell r="C218">
            <v>10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B219">
            <v>11</v>
          </cell>
          <cell r="C219">
            <v>20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K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B220">
            <v>11</v>
          </cell>
          <cell r="C220">
            <v>20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K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B221">
            <v>11</v>
          </cell>
          <cell r="C221">
            <v>20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B222">
            <v>11</v>
          </cell>
          <cell r="C222">
            <v>20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K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B223">
            <v>11</v>
          </cell>
          <cell r="C223">
            <v>20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B224">
            <v>11</v>
          </cell>
          <cell r="C224">
            <v>20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B225">
            <v>11</v>
          </cell>
          <cell r="C225">
            <v>20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B226">
            <v>11</v>
          </cell>
          <cell r="C226">
            <v>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B227">
            <v>12</v>
          </cell>
          <cell r="C227">
            <v>0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K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B228">
            <v>12</v>
          </cell>
          <cell r="C228">
            <v>10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K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B229">
            <v>12</v>
          </cell>
          <cell r="C229">
            <v>10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B230">
            <v>12</v>
          </cell>
          <cell r="C230">
            <v>10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K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B231">
            <v>12</v>
          </cell>
          <cell r="C231">
            <v>10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B232">
            <v>12</v>
          </cell>
          <cell r="C232">
            <v>10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B233">
            <v>12</v>
          </cell>
          <cell r="C233">
            <v>10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B234">
            <v>12</v>
          </cell>
          <cell r="C234">
            <v>10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B235">
            <v>12</v>
          </cell>
          <cell r="C235">
            <v>10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B236">
            <v>12</v>
          </cell>
          <cell r="C236">
            <v>1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B237">
            <v>12</v>
          </cell>
          <cell r="C237">
            <v>10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B238">
            <v>12</v>
          </cell>
          <cell r="C238">
            <v>20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K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B239">
            <v>12</v>
          </cell>
          <cell r="C239">
            <v>20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B240">
            <v>12</v>
          </cell>
          <cell r="C240">
            <v>20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B241">
            <v>12</v>
          </cell>
          <cell r="C241">
            <v>20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B242">
            <v>12</v>
          </cell>
          <cell r="C242">
            <v>20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B243">
            <v>12</v>
          </cell>
          <cell r="C243">
            <v>20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B244">
            <v>12</v>
          </cell>
          <cell r="C244">
            <v>20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B245">
            <v>12</v>
          </cell>
          <cell r="C245">
            <v>20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B246">
            <v>12</v>
          </cell>
          <cell r="C246">
            <v>2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B247">
            <v>12</v>
          </cell>
          <cell r="C247">
            <v>20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B248">
            <v>12</v>
          </cell>
          <cell r="C248">
            <v>20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B249">
            <v>13</v>
          </cell>
          <cell r="C249">
            <v>0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B250">
            <v>14</v>
          </cell>
          <cell r="C250">
            <v>0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B251">
            <v>15</v>
          </cell>
          <cell r="C251">
            <v>0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B252">
            <v>16</v>
          </cell>
          <cell r="C252">
            <v>0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B253">
            <v>21</v>
          </cell>
          <cell r="C253">
            <v>0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K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B254">
            <v>21</v>
          </cell>
          <cell r="C254">
            <v>10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K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B255">
            <v>21</v>
          </cell>
          <cell r="C255">
            <v>10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K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B256">
            <v>21</v>
          </cell>
          <cell r="C256">
            <v>1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B257">
            <v>21</v>
          </cell>
          <cell r="C257">
            <v>10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B258">
            <v>21</v>
          </cell>
          <cell r="C258">
            <v>10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B259">
            <v>21</v>
          </cell>
          <cell r="C259">
            <v>10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B260">
            <v>21</v>
          </cell>
          <cell r="C260">
            <v>10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B261">
            <v>21</v>
          </cell>
          <cell r="C261">
            <v>10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B262">
            <v>21</v>
          </cell>
          <cell r="C262">
            <v>20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K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B263">
            <v>21</v>
          </cell>
          <cell r="C263">
            <v>20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B264">
            <v>21</v>
          </cell>
          <cell r="C264">
            <v>20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B265">
            <v>21</v>
          </cell>
          <cell r="C265">
            <v>30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K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B266">
            <v>21</v>
          </cell>
          <cell r="C266">
            <v>3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K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B267">
            <v>21</v>
          </cell>
          <cell r="C267">
            <v>30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B268">
            <v>21</v>
          </cell>
          <cell r="C268">
            <v>30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B269">
            <v>21</v>
          </cell>
          <cell r="C269">
            <v>30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B270">
            <v>21</v>
          </cell>
          <cell r="C270">
            <v>30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K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B271">
            <v>21</v>
          </cell>
          <cell r="C271">
            <v>30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B272">
            <v>21</v>
          </cell>
          <cell r="C272">
            <v>30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K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B273">
            <v>21</v>
          </cell>
          <cell r="C273">
            <v>30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B274">
            <v>21</v>
          </cell>
          <cell r="C274">
            <v>30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B275">
            <v>21</v>
          </cell>
          <cell r="C275">
            <v>30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K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B276">
            <v>21</v>
          </cell>
          <cell r="C276">
            <v>3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B277">
            <v>21</v>
          </cell>
          <cell r="C277">
            <v>30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B278">
            <v>21</v>
          </cell>
          <cell r="C278">
            <v>30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B279">
            <v>21</v>
          </cell>
          <cell r="C279">
            <v>30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K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B280">
            <v>21</v>
          </cell>
          <cell r="C280">
            <v>30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B281">
            <v>21</v>
          </cell>
          <cell r="C281">
            <v>30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B282">
            <v>21</v>
          </cell>
          <cell r="C282">
            <v>30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B283">
            <v>21</v>
          </cell>
          <cell r="C283">
            <v>30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B284">
            <v>21</v>
          </cell>
          <cell r="C284">
            <v>30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B285">
            <v>21</v>
          </cell>
          <cell r="C285">
            <v>30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B286">
            <v>21</v>
          </cell>
          <cell r="C286">
            <v>3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B287">
            <v>21</v>
          </cell>
          <cell r="C287">
            <v>30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B288">
            <v>21</v>
          </cell>
          <cell r="C288">
            <v>30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B289">
            <v>21</v>
          </cell>
          <cell r="C289">
            <v>30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K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B290">
            <v>21</v>
          </cell>
          <cell r="C290">
            <v>30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B291">
            <v>21</v>
          </cell>
          <cell r="C291">
            <v>30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B292">
            <v>21</v>
          </cell>
          <cell r="C292">
            <v>40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K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B293">
            <v>21</v>
          </cell>
          <cell r="C293">
            <v>40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B294">
            <v>21</v>
          </cell>
          <cell r="C294">
            <v>50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K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B295">
            <v>21</v>
          </cell>
          <cell r="C295">
            <v>50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K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B296">
            <v>21</v>
          </cell>
          <cell r="C296">
            <v>5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B297">
            <v>21</v>
          </cell>
          <cell r="C297">
            <v>50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B298">
            <v>21</v>
          </cell>
          <cell r="C298">
            <v>60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K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B299">
            <v>21</v>
          </cell>
          <cell r="C299">
            <v>60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K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B300">
            <v>21</v>
          </cell>
          <cell r="C300">
            <v>60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B301">
            <v>21</v>
          </cell>
          <cell r="C301">
            <v>60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B302">
            <v>21</v>
          </cell>
          <cell r="C302">
            <v>60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B303">
            <v>21</v>
          </cell>
          <cell r="C303">
            <v>60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B304">
            <v>21</v>
          </cell>
          <cell r="C304">
            <v>60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B305">
            <v>21</v>
          </cell>
          <cell r="C305">
            <v>60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K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B306">
            <v>21</v>
          </cell>
          <cell r="C306">
            <v>6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B307">
            <v>21</v>
          </cell>
          <cell r="C307">
            <v>60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B308">
            <v>21</v>
          </cell>
          <cell r="C308">
            <v>60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B309">
            <v>21</v>
          </cell>
          <cell r="C309">
            <v>60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B310">
            <v>21</v>
          </cell>
          <cell r="C310">
            <v>60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B311">
            <v>21</v>
          </cell>
          <cell r="C311">
            <v>60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B312">
            <v>21</v>
          </cell>
          <cell r="C312">
            <v>60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B313">
            <v>21</v>
          </cell>
          <cell r="C313">
            <v>60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B314">
            <v>21</v>
          </cell>
          <cell r="C314">
            <v>60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B315">
            <v>21</v>
          </cell>
          <cell r="C315">
            <v>60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B316">
            <v>21</v>
          </cell>
          <cell r="C316">
            <v>6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B317">
            <v>21</v>
          </cell>
          <cell r="C317">
            <v>60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B318">
            <v>21</v>
          </cell>
          <cell r="C318">
            <v>60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B319">
            <v>21</v>
          </cell>
          <cell r="C319">
            <v>70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K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B320">
            <v>21</v>
          </cell>
          <cell r="C320">
            <v>70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K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B321">
            <v>21</v>
          </cell>
          <cell r="C321">
            <v>70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B322">
            <v>21</v>
          </cell>
          <cell r="C322">
            <v>70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B323">
            <v>21</v>
          </cell>
          <cell r="C323">
            <v>70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B324">
            <v>21</v>
          </cell>
          <cell r="C324">
            <v>80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K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B325">
            <v>21</v>
          </cell>
          <cell r="C325">
            <v>80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B326">
            <v>22</v>
          </cell>
          <cell r="C326">
            <v>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K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B327">
            <v>22</v>
          </cell>
          <cell r="C327">
            <v>10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K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B328">
            <v>22</v>
          </cell>
          <cell r="C328">
            <v>10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B329">
            <v>22</v>
          </cell>
          <cell r="C329">
            <v>10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K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B330">
            <v>22</v>
          </cell>
          <cell r="C330">
            <v>10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B331">
            <v>22</v>
          </cell>
          <cell r="C331">
            <v>10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B332">
            <v>22</v>
          </cell>
          <cell r="C332">
            <v>20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K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B333">
            <v>22</v>
          </cell>
          <cell r="C333">
            <v>20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K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B334">
            <v>22</v>
          </cell>
          <cell r="C334">
            <v>20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B335">
            <v>22</v>
          </cell>
          <cell r="C335">
            <v>20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B336">
            <v>22</v>
          </cell>
          <cell r="C336">
            <v>2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B337">
            <v>22</v>
          </cell>
          <cell r="C337">
            <v>30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K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B338">
            <v>22</v>
          </cell>
          <cell r="C338">
            <v>30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B339">
            <v>22</v>
          </cell>
          <cell r="C339">
            <v>30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B340">
            <v>22</v>
          </cell>
          <cell r="C340">
            <v>30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B341">
            <v>22</v>
          </cell>
          <cell r="C341">
            <v>30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B342">
            <v>22</v>
          </cell>
          <cell r="C342">
            <v>40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K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B343">
            <v>22</v>
          </cell>
          <cell r="C343">
            <v>40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K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B344">
            <v>22</v>
          </cell>
          <cell r="C344">
            <v>40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B345">
            <v>22</v>
          </cell>
          <cell r="C345">
            <v>40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B346">
            <v>22</v>
          </cell>
          <cell r="C346">
            <v>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B347">
            <v>22</v>
          </cell>
          <cell r="C347">
            <v>50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K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B348">
            <v>22</v>
          </cell>
          <cell r="C348">
            <v>50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B349">
            <v>22</v>
          </cell>
          <cell r="C349">
            <v>50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B350">
            <v>22</v>
          </cell>
          <cell r="C350">
            <v>60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K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B351">
            <v>22</v>
          </cell>
          <cell r="C351">
            <v>60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B352">
            <v>22</v>
          </cell>
          <cell r="C352">
            <v>60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B353">
            <v>22</v>
          </cell>
          <cell r="C353">
            <v>60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B354">
            <v>22</v>
          </cell>
          <cell r="C354">
            <v>60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B355">
            <v>22</v>
          </cell>
          <cell r="C355">
            <v>70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K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B356">
            <v>22</v>
          </cell>
          <cell r="C356">
            <v>7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B357">
            <v>22</v>
          </cell>
          <cell r="C357">
            <v>70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B358">
            <v>22</v>
          </cell>
          <cell r="C358">
            <v>70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B359">
            <v>22</v>
          </cell>
          <cell r="C359">
            <v>70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B360">
            <v>22</v>
          </cell>
          <cell r="C360">
            <v>80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K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B361">
            <v>22</v>
          </cell>
          <cell r="C361">
            <v>80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B362">
            <v>22</v>
          </cell>
          <cell r="C362">
            <v>80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B363">
            <v>22</v>
          </cell>
          <cell r="C363">
            <v>80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B364">
            <v>22</v>
          </cell>
          <cell r="C364">
            <v>90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K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B365">
            <v>22</v>
          </cell>
          <cell r="C365">
            <v>90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B366">
            <v>22</v>
          </cell>
          <cell r="C366">
            <v>9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B367">
            <v>23</v>
          </cell>
          <cell r="C367">
            <v>0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K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B368">
            <v>23</v>
          </cell>
          <cell r="C368">
            <v>10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K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B369">
            <v>23</v>
          </cell>
          <cell r="C369">
            <v>10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B370">
            <v>23</v>
          </cell>
          <cell r="C370">
            <v>10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B371">
            <v>23</v>
          </cell>
          <cell r="C371">
            <v>10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K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B372">
            <v>23</v>
          </cell>
          <cell r="C372">
            <v>10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B373">
            <v>23</v>
          </cell>
          <cell r="C373">
            <v>10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B374">
            <v>23</v>
          </cell>
          <cell r="C374">
            <v>10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B375">
            <v>23</v>
          </cell>
          <cell r="C375">
            <v>10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B376">
            <v>23</v>
          </cell>
          <cell r="C376">
            <v>1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B377">
            <v>23</v>
          </cell>
          <cell r="C377">
            <v>10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B378">
            <v>23</v>
          </cell>
          <cell r="C378">
            <v>20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K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B379">
            <v>23</v>
          </cell>
          <cell r="C379">
            <v>20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B380">
            <v>23</v>
          </cell>
          <cell r="C380">
            <v>20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B381">
            <v>23</v>
          </cell>
          <cell r="C381">
            <v>20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K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B382">
            <v>23</v>
          </cell>
          <cell r="C382">
            <v>20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B383">
            <v>23</v>
          </cell>
          <cell r="C383">
            <v>20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B384">
            <v>23</v>
          </cell>
          <cell r="C384">
            <v>20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B385">
            <v>23</v>
          </cell>
          <cell r="C385">
            <v>20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B386">
            <v>24</v>
          </cell>
          <cell r="C386">
            <v>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B387">
            <v>25</v>
          </cell>
          <cell r="C387">
            <v>0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K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B388">
            <v>25</v>
          </cell>
          <cell r="C388">
            <v>10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B389">
            <v>25</v>
          </cell>
          <cell r="C389">
            <v>20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B390">
            <v>25</v>
          </cell>
          <cell r="C390">
            <v>30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B391">
            <v>26</v>
          </cell>
          <cell r="C391">
            <v>0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K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B392">
            <v>26</v>
          </cell>
          <cell r="C392">
            <v>10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B393">
            <v>26</v>
          </cell>
          <cell r="C393">
            <v>20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B394">
            <v>26</v>
          </cell>
          <cell r="C394">
            <v>30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B395">
            <v>27</v>
          </cell>
          <cell r="C395">
            <v>0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K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B396">
            <v>27</v>
          </cell>
          <cell r="C396">
            <v>1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B397">
            <v>27</v>
          </cell>
          <cell r="C397">
            <v>20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B398">
            <v>27</v>
          </cell>
          <cell r="C398">
            <v>30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B399">
            <v>28</v>
          </cell>
          <cell r="C399">
            <v>0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B400" t="str">
            <v/>
          </cell>
          <cell r="C400" t="str">
            <v/>
          </cell>
          <cell r="D400" t="str">
            <v/>
          </cell>
          <cell r="E400" t="str">
            <v/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B401" t="str">
            <v/>
          </cell>
          <cell r="C401" t="str">
            <v/>
          </cell>
          <cell r="D401" t="str">
            <v/>
          </cell>
          <cell r="E401" t="str">
            <v/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B402" t="str">
            <v/>
          </cell>
          <cell r="C402" t="str">
            <v/>
          </cell>
          <cell r="D402" t="str">
            <v/>
          </cell>
          <cell r="E402" t="str">
            <v/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B403" t="str">
            <v/>
          </cell>
          <cell r="C403" t="str">
            <v/>
          </cell>
          <cell r="D403" t="str">
            <v/>
          </cell>
          <cell r="E403" t="str">
            <v/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B404" t="str">
            <v/>
          </cell>
          <cell r="C404" t="str">
            <v/>
          </cell>
          <cell r="D404" t="str">
            <v/>
          </cell>
          <cell r="E404" t="str">
            <v/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B405" t="str">
            <v/>
          </cell>
          <cell r="C405" t="str">
            <v/>
          </cell>
          <cell r="D405" t="str">
            <v/>
          </cell>
          <cell r="E405" t="str">
            <v/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B406" t="str">
            <v/>
          </cell>
          <cell r="C406" t="str">
            <v/>
          </cell>
          <cell r="D406" t="str">
            <v/>
          </cell>
          <cell r="E406" t="str">
            <v/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B407" t="str">
            <v/>
          </cell>
          <cell r="C407" t="str">
            <v/>
          </cell>
          <cell r="D407" t="str">
            <v/>
          </cell>
          <cell r="E407" t="str">
            <v/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B408" t="str">
            <v/>
          </cell>
          <cell r="C408" t="str">
            <v/>
          </cell>
          <cell r="D408" t="str">
            <v/>
          </cell>
          <cell r="E408" t="str">
            <v/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B409" t="str">
            <v/>
          </cell>
          <cell r="C409" t="str">
            <v/>
          </cell>
          <cell r="D409" t="str">
            <v/>
          </cell>
          <cell r="E409" t="str">
            <v/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B410" t="str">
            <v/>
          </cell>
          <cell r="C410" t="str">
            <v/>
          </cell>
          <cell r="D410" t="str">
            <v/>
          </cell>
          <cell r="E410" t="str">
            <v/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B411" t="str">
            <v/>
          </cell>
          <cell r="C411" t="str">
            <v/>
          </cell>
          <cell r="D411" t="str">
            <v/>
          </cell>
          <cell r="E411" t="str">
            <v/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B412" t="str">
            <v/>
          </cell>
          <cell r="C412" t="str">
            <v/>
          </cell>
          <cell r="D412" t="str">
            <v/>
          </cell>
          <cell r="E412" t="str">
            <v/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B413" t="str">
            <v/>
          </cell>
          <cell r="C413" t="str">
            <v/>
          </cell>
          <cell r="D413" t="str">
            <v/>
          </cell>
          <cell r="E413" t="str">
            <v/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B414" t="str">
            <v/>
          </cell>
          <cell r="C414" t="str">
            <v/>
          </cell>
          <cell r="D414" t="str">
            <v/>
          </cell>
          <cell r="E414" t="str">
            <v/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B415" t="str">
            <v/>
          </cell>
          <cell r="C415" t="str">
            <v/>
          </cell>
          <cell r="D415" t="str">
            <v/>
          </cell>
          <cell r="E415" t="str">
            <v/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B416" t="str">
            <v/>
          </cell>
          <cell r="C416" t="str">
            <v/>
          </cell>
          <cell r="D416" t="str">
            <v/>
          </cell>
          <cell r="E416" t="str">
            <v/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B417" t="str">
            <v/>
          </cell>
          <cell r="C417" t="str">
            <v/>
          </cell>
          <cell r="D417" t="str">
            <v/>
          </cell>
          <cell r="E417" t="str">
            <v/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B418" t="str">
            <v/>
          </cell>
          <cell r="C418" t="str">
            <v/>
          </cell>
          <cell r="D418" t="str">
            <v/>
          </cell>
          <cell r="E418" t="str">
            <v/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B419" t="str">
            <v/>
          </cell>
          <cell r="C419" t="str">
            <v/>
          </cell>
          <cell r="D419" t="str">
            <v/>
          </cell>
          <cell r="E419" t="str">
            <v/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B420" t="str">
            <v/>
          </cell>
          <cell r="C420" t="str">
            <v/>
          </cell>
          <cell r="D420" t="str">
            <v/>
          </cell>
          <cell r="E420" t="str">
            <v/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B421" t="str">
            <v/>
          </cell>
          <cell r="C421" t="str">
            <v/>
          </cell>
          <cell r="D421" t="str">
            <v/>
          </cell>
          <cell r="E421" t="str">
            <v/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B422" t="str">
            <v/>
          </cell>
          <cell r="C422" t="str">
            <v/>
          </cell>
          <cell r="D422" t="str">
            <v/>
          </cell>
          <cell r="E422" t="str">
            <v/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B423" t="str">
            <v/>
          </cell>
          <cell r="C423" t="str">
            <v/>
          </cell>
          <cell r="D423" t="str">
            <v/>
          </cell>
          <cell r="E423" t="str">
            <v/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B424" t="str">
            <v/>
          </cell>
          <cell r="C424" t="str">
            <v/>
          </cell>
          <cell r="D424" t="str">
            <v/>
          </cell>
          <cell r="E424" t="str">
            <v/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B425" t="str">
            <v/>
          </cell>
          <cell r="C425" t="str">
            <v/>
          </cell>
          <cell r="D425" t="str">
            <v/>
          </cell>
          <cell r="E425" t="str">
            <v/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B426" t="str">
            <v/>
          </cell>
          <cell r="C426" t="str">
            <v/>
          </cell>
          <cell r="D426" t="str">
            <v/>
          </cell>
          <cell r="E426" t="str">
            <v/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B427" t="str">
            <v/>
          </cell>
          <cell r="C427" t="str">
            <v/>
          </cell>
          <cell r="D427" t="str">
            <v/>
          </cell>
          <cell r="E427" t="str">
            <v/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B428" t="str">
            <v/>
          </cell>
          <cell r="C428" t="str">
            <v/>
          </cell>
          <cell r="D428" t="str">
            <v/>
          </cell>
          <cell r="E428" t="str">
            <v/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B429" t="str">
            <v/>
          </cell>
          <cell r="C429" t="str">
            <v/>
          </cell>
          <cell r="D429" t="str">
            <v/>
          </cell>
          <cell r="E429" t="str">
            <v/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B430" t="str">
            <v/>
          </cell>
          <cell r="C430" t="str">
            <v/>
          </cell>
          <cell r="D430" t="str">
            <v/>
          </cell>
          <cell r="E430" t="str">
            <v/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B431" t="str">
            <v/>
          </cell>
          <cell r="C431" t="str">
            <v/>
          </cell>
          <cell r="D431" t="str">
            <v/>
          </cell>
          <cell r="E431" t="str">
            <v/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B432" t="str">
            <v/>
          </cell>
          <cell r="C432" t="str">
            <v/>
          </cell>
          <cell r="D432" t="str">
            <v/>
          </cell>
          <cell r="E432" t="str">
            <v/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B433" t="str">
            <v/>
          </cell>
          <cell r="C433" t="str">
            <v/>
          </cell>
          <cell r="D433" t="str">
            <v/>
          </cell>
          <cell r="E433" t="str">
            <v/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B434" t="str">
            <v/>
          </cell>
          <cell r="C434" t="str">
            <v/>
          </cell>
          <cell r="D434" t="str">
            <v/>
          </cell>
          <cell r="E434" t="str">
            <v/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B435" t="str">
            <v/>
          </cell>
          <cell r="C435" t="str">
            <v/>
          </cell>
          <cell r="D435" t="str">
            <v/>
          </cell>
          <cell r="E435" t="str">
            <v/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B436" t="str">
            <v/>
          </cell>
          <cell r="C436" t="str">
            <v/>
          </cell>
          <cell r="D436" t="str">
            <v/>
          </cell>
          <cell r="E436" t="str">
            <v/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B437" t="str">
            <v/>
          </cell>
          <cell r="C437" t="str">
            <v/>
          </cell>
          <cell r="D437" t="str">
            <v/>
          </cell>
          <cell r="E437" t="str">
            <v/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B438" t="str">
            <v/>
          </cell>
          <cell r="C438" t="str">
            <v/>
          </cell>
          <cell r="D438" t="str">
            <v/>
          </cell>
          <cell r="E438" t="str">
            <v/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B439" t="str">
            <v/>
          </cell>
          <cell r="C439" t="str">
            <v/>
          </cell>
          <cell r="D439" t="str">
            <v/>
          </cell>
          <cell r="E439" t="str">
            <v/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B440" t="str">
            <v/>
          </cell>
          <cell r="C440" t="str">
            <v/>
          </cell>
          <cell r="D440" t="str">
            <v/>
          </cell>
          <cell r="E440" t="str">
            <v/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B441" t="str">
            <v/>
          </cell>
          <cell r="C441" t="str">
            <v/>
          </cell>
          <cell r="D441" t="str">
            <v/>
          </cell>
          <cell r="E441" t="str">
            <v/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B442" t="str">
            <v/>
          </cell>
          <cell r="C442" t="str">
            <v/>
          </cell>
          <cell r="D442" t="str">
            <v/>
          </cell>
          <cell r="E442" t="str">
            <v/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B443" t="str">
            <v/>
          </cell>
          <cell r="C443" t="str">
            <v/>
          </cell>
          <cell r="D443" t="str">
            <v/>
          </cell>
          <cell r="E443" t="str">
            <v/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B444" t="str">
            <v/>
          </cell>
          <cell r="C444" t="str">
            <v/>
          </cell>
          <cell r="D444" t="str">
            <v/>
          </cell>
          <cell r="E444" t="str">
            <v/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B445" t="str">
            <v/>
          </cell>
          <cell r="C445" t="str">
            <v/>
          </cell>
          <cell r="D445" t="str">
            <v/>
          </cell>
          <cell r="E445" t="str">
            <v/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B446" t="str">
            <v/>
          </cell>
          <cell r="C446" t="str">
            <v/>
          </cell>
          <cell r="D446" t="str">
            <v/>
          </cell>
          <cell r="E446" t="str">
            <v/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B447" t="str">
            <v/>
          </cell>
          <cell r="C447" t="str">
            <v/>
          </cell>
          <cell r="D447" t="str">
            <v/>
          </cell>
          <cell r="E447" t="str">
            <v/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B448" t="str">
            <v/>
          </cell>
          <cell r="C448" t="str">
            <v/>
          </cell>
          <cell r="D448" t="str">
            <v/>
          </cell>
          <cell r="E448" t="str">
            <v/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B449" t="str">
            <v/>
          </cell>
          <cell r="C449" t="str">
            <v/>
          </cell>
          <cell r="D449" t="str">
            <v/>
          </cell>
          <cell r="E449" t="str">
            <v/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B450" t="str">
            <v/>
          </cell>
          <cell r="C450" t="str">
            <v/>
          </cell>
          <cell r="D450" t="str">
            <v/>
          </cell>
          <cell r="E450" t="str">
            <v/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B451" t="str">
            <v/>
          </cell>
          <cell r="C451" t="str">
            <v/>
          </cell>
          <cell r="D451" t="str">
            <v/>
          </cell>
          <cell r="E451" t="str">
            <v/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B452" t="str">
            <v/>
          </cell>
          <cell r="C452" t="str">
            <v/>
          </cell>
          <cell r="D452" t="str">
            <v/>
          </cell>
          <cell r="E452" t="str">
            <v/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B453" t="str">
            <v/>
          </cell>
          <cell r="C453" t="str">
            <v/>
          </cell>
          <cell r="D453" t="str">
            <v/>
          </cell>
          <cell r="E453" t="str">
            <v/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B454" t="str">
            <v/>
          </cell>
          <cell r="C454" t="str">
            <v/>
          </cell>
          <cell r="D454" t="str">
            <v/>
          </cell>
          <cell r="E454" t="str">
            <v/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B455" t="str">
            <v/>
          </cell>
          <cell r="C455" t="str">
            <v/>
          </cell>
          <cell r="D455" t="str">
            <v/>
          </cell>
          <cell r="E455" t="str">
            <v/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B456" t="str">
            <v/>
          </cell>
          <cell r="C456" t="str">
            <v/>
          </cell>
          <cell r="D456" t="str">
            <v/>
          </cell>
          <cell r="E456" t="str">
            <v/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B457" t="str">
            <v/>
          </cell>
          <cell r="C457" t="str">
            <v/>
          </cell>
          <cell r="D457" t="str">
            <v/>
          </cell>
          <cell r="E457" t="str">
            <v/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B458" t="str">
            <v/>
          </cell>
          <cell r="C458" t="str">
            <v/>
          </cell>
          <cell r="D458" t="str">
            <v/>
          </cell>
          <cell r="E458" t="str">
            <v/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B459" t="str">
            <v/>
          </cell>
          <cell r="C459" t="str">
            <v/>
          </cell>
          <cell r="D459" t="str">
            <v/>
          </cell>
          <cell r="E459" t="str">
            <v/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B460" t="str">
            <v/>
          </cell>
          <cell r="C460" t="str">
            <v/>
          </cell>
          <cell r="D460" t="str">
            <v/>
          </cell>
          <cell r="E460" t="str">
            <v/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B461" t="str">
            <v/>
          </cell>
          <cell r="C461" t="str">
            <v/>
          </cell>
          <cell r="D461" t="str">
            <v/>
          </cell>
          <cell r="E461" t="str">
            <v/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B462" t="str">
            <v/>
          </cell>
          <cell r="C462" t="str">
            <v/>
          </cell>
          <cell r="D462" t="str">
            <v/>
          </cell>
          <cell r="E462" t="str">
            <v/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B463" t="str">
            <v/>
          </cell>
          <cell r="C463" t="str">
            <v/>
          </cell>
          <cell r="D463" t="str">
            <v/>
          </cell>
          <cell r="E463" t="str">
            <v/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B464" t="str">
            <v/>
          </cell>
          <cell r="C464" t="str">
            <v/>
          </cell>
          <cell r="D464" t="str">
            <v/>
          </cell>
          <cell r="E464" t="str">
            <v/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B465" t="str">
            <v/>
          </cell>
          <cell r="C465" t="str">
            <v/>
          </cell>
          <cell r="D465" t="str">
            <v/>
          </cell>
          <cell r="E465" t="str">
            <v/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B466" t="str">
            <v/>
          </cell>
          <cell r="C466" t="str">
            <v/>
          </cell>
          <cell r="D466" t="str">
            <v/>
          </cell>
          <cell r="E466" t="str">
            <v/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B467" t="str">
            <v/>
          </cell>
          <cell r="C467" t="str">
            <v/>
          </cell>
          <cell r="D467" t="str">
            <v/>
          </cell>
          <cell r="E467" t="str">
            <v/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B468" t="str">
            <v/>
          </cell>
          <cell r="C468" t="str">
            <v/>
          </cell>
          <cell r="D468" t="str">
            <v/>
          </cell>
          <cell r="E468" t="str">
            <v/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B469" t="str">
            <v/>
          </cell>
          <cell r="C469" t="str">
            <v/>
          </cell>
          <cell r="D469" t="str">
            <v/>
          </cell>
          <cell r="E469" t="str">
            <v/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B470" t="str">
            <v/>
          </cell>
          <cell r="C470" t="str">
            <v/>
          </cell>
          <cell r="D470" t="str">
            <v/>
          </cell>
          <cell r="E470" t="str">
            <v/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B471" t="str">
            <v/>
          </cell>
          <cell r="C471" t="str">
            <v/>
          </cell>
          <cell r="D471" t="str">
            <v/>
          </cell>
          <cell r="E471" t="str">
            <v/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B472" t="str">
            <v/>
          </cell>
          <cell r="C472" t="str">
            <v/>
          </cell>
          <cell r="D472" t="str">
            <v/>
          </cell>
          <cell r="E472" t="str">
            <v/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B473" t="str">
            <v/>
          </cell>
          <cell r="C473" t="str">
            <v/>
          </cell>
          <cell r="D473" t="str">
            <v/>
          </cell>
          <cell r="E473" t="str">
            <v/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B474" t="str">
            <v/>
          </cell>
          <cell r="C474" t="str">
            <v/>
          </cell>
          <cell r="D474" t="str">
            <v/>
          </cell>
          <cell r="E474" t="str">
            <v/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B475" t="str">
            <v/>
          </cell>
          <cell r="C475" t="str">
            <v/>
          </cell>
          <cell r="D475" t="str">
            <v/>
          </cell>
          <cell r="E475" t="str">
            <v/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B476" t="str">
            <v/>
          </cell>
          <cell r="C476" t="str">
            <v/>
          </cell>
          <cell r="D476" t="str">
            <v/>
          </cell>
          <cell r="E476" t="str">
            <v/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B477" t="str">
            <v/>
          </cell>
          <cell r="C477" t="str">
            <v/>
          </cell>
          <cell r="D477" t="str">
            <v/>
          </cell>
          <cell r="E477" t="str">
            <v/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B478" t="str">
            <v/>
          </cell>
          <cell r="C478" t="str">
            <v/>
          </cell>
          <cell r="D478" t="str">
            <v/>
          </cell>
          <cell r="E478" t="str">
            <v/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B479" t="str">
            <v/>
          </cell>
          <cell r="C479" t="str">
            <v/>
          </cell>
          <cell r="D479" t="str">
            <v/>
          </cell>
          <cell r="E479" t="str">
            <v/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B480" t="str">
            <v/>
          </cell>
          <cell r="C480" t="str">
            <v/>
          </cell>
          <cell r="D480" t="str">
            <v/>
          </cell>
          <cell r="E480" t="str">
            <v/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B481" t="str">
            <v/>
          </cell>
          <cell r="C481" t="str">
            <v/>
          </cell>
          <cell r="D481" t="str">
            <v/>
          </cell>
          <cell r="E481" t="str">
            <v/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B482" t="str">
            <v/>
          </cell>
          <cell r="C482" t="str">
            <v/>
          </cell>
          <cell r="D482" t="str">
            <v/>
          </cell>
          <cell r="E482" t="str">
            <v/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B483" t="str">
            <v/>
          </cell>
          <cell r="C483" t="str">
            <v/>
          </cell>
          <cell r="D483" t="str">
            <v/>
          </cell>
          <cell r="E483" t="str">
            <v/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B484" t="str">
            <v/>
          </cell>
          <cell r="C484" t="str">
            <v/>
          </cell>
          <cell r="D484" t="str">
            <v/>
          </cell>
          <cell r="E484" t="str">
            <v/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B485" t="str">
            <v/>
          </cell>
          <cell r="C485" t="str">
            <v/>
          </cell>
          <cell r="D485" t="str">
            <v/>
          </cell>
          <cell r="E485" t="str">
            <v/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B486" t="str">
            <v/>
          </cell>
          <cell r="C486" t="str">
            <v/>
          </cell>
          <cell r="D486" t="str">
            <v/>
          </cell>
          <cell r="E486" t="str">
            <v/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B487" t="str">
            <v/>
          </cell>
          <cell r="C487" t="str">
            <v/>
          </cell>
          <cell r="D487" t="str">
            <v/>
          </cell>
          <cell r="E487" t="str">
            <v/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B488" t="str">
            <v/>
          </cell>
          <cell r="C488" t="str">
            <v/>
          </cell>
          <cell r="D488" t="str">
            <v/>
          </cell>
          <cell r="E488" t="str">
            <v/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B489" t="str">
            <v/>
          </cell>
          <cell r="C489" t="str">
            <v/>
          </cell>
          <cell r="D489" t="str">
            <v/>
          </cell>
          <cell r="E489" t="str">
            <v/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B490" t="str">
            <v/>
          </cell>
          <cell r="C490" t="str">
            <v/>
          </cell>
          <cell r="D490" t="str">
            <v/>
          </cell>
          <cell r="E490" t="str">
            <v/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B491" t="str">
            <v/>
          </cell>
          <cell r="C491" t="str">
            <v/>
          </cell>
          <cell r="D491" t="str">
            <v/>
          </cell>
          <cell r="E491" t="str">
            <v/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B492" t="str">
            <v/>
          </cell>
          <cell r="C492" t="str">
            <v/>
          </cell>
          <cell r="D492" t="str">
            <v/>
          </cell>
          <cell r="E492" t="str">
            <v/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B493" t="str">
            <v/>
          </cell>
          <cell r="C493" t="str">
            <v/>
          </cell>
          <cell r="D493" t="str">
            <v/>
          </cell>
          <cell r="E493" t="str">
            <v/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B494" t="str">
            <v/>
          </cell>
          <cell r="C494" t="str">
            <v/>
          </cell>
          <cell r="D494" t="str">
            <v/>
          </cell>
          <cell r="E494" t="str">
            <v/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B495" t="str">
            <v/>
          </cell>
          <cell r="C495" t="str">
            <v/>
          </cell>
          <cell r="D495" t="str">
            <v/>
          </cell>
          <cell r="E495" t="str">
            <v/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B496" t="str">
            <v/>
          </cell>
          <cell r="C496" t="str">
            <v/>
          </cell>
          <cell r="D496" t="str">
            <v/>
          </cell>
          <cell r="E496" t="str">
            <v/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B497" t="str">
            <v/>
          </cell>
          <cell r="C497" t="str">
            <v/>
          </cell>
          <cell r="D497" t="str">
            <v/>
          </cell>
          <cell r="E497" t="str">
            <v/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B498" t="str">
            <v/>
          </cell>
          <cell r="C498" t="str">
            <v/>
          </cell>
          <cell r="D498" t="str">
            <v/>
          </cell>
          <cell r="E498" t="str">
            <v/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B499" t="str">
            <v/>
          </cell>
          <cell r="C499" t="str">
            <v/>
          </cell>
          <cell r="D499" t="str">
            <v/>
          </cell>
          <cell r="E499" t="str">
            <v/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B500" t="str">
            <v/>
          </cell>
          <cell r="C500" t="str">
            <v/>
          </cell>
          <cell r="D500" t="str">
            <v/>
          </cell>
          <cell r="E500" t="str">
            <v/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B501" t="str">
            <v/>
          </cell>
          <cell r="C501" t="str">
            <v/>
          </cell>
          <cell r="D501" t="str">
            <v/>
          </cell>
          <cell r="E501" t="str">
            <v/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B502" t="str">
            <v/>
          </cell>
          <cell r="C502" t="str">
            <v/>
          </cell>
          <cell r="D502" t="str">
            <v/>
          </cell>
          <cell r="E502" t="str">
            <v/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B503" t="str">
            <v/>
          </cell>
          <cell r="C503" t="str">
            <v/>
          </cell>
          <cell r="D503" t="str">
            <v/>
          </cell>
          <cell r="E503" t="str">
            <v/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B504" t="str">
            <v/>
          </cell>
          <cell r="C504" t="str">
            <v/>
          </cell>
          <cell r="D504" t="str">
            <v/>
          </cell>
          <cell r="E504" t="str">
            <v/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B505" t="str">
            <v/>
          </cell>
          <cell r="C505" t="str">
            <v/>
          </cell>
          <cell r="D505" t="str">
            <v/>
          </cell>
          <cell r="E505" t="str">
            <v/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B506" t="str">
            <v/>
          </cell>
          <cell r="C506" t="str">
            <v/>
          </cell>
          <cell r="D506" t="str">
            <v/>
          </cell>
          <cell r="E506" t="str">
            <v/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B507" t="str">
            <v/>
          </cell>
          <cell r="C507" t="str">
            <v/>
          </cell>
          <cell r="D507" t="str">
            <v/>
          </cell>
          <cell r="E507" t="str">
            <v/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B508" t="str">
            <v/>
          </cell>
          <cell r="C508" t="str">
            <v/>
          </cell>
          <cell r="D508" t="str">
            <v/>
          </cell>
          <cell r="E508" t="str">
            <v/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B509" t="str">
            <v/>
          </cell>
          <cell r="C509" t="str">
            <v/>
          </cell>
          <cell r="D509" t="str">
            <v/>
          </cell>
          <cell r="E509" t="str">
            <v/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B510" t="str">
            <v/>
          </cell>
          <cell r="C510" t="str">
            <v/>
          </cell>
          <cell r="D510" t="str">
            <v/>
          </cell>
          <cell r="E510" t="str">
            <v/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B511" t="str">
            <v/>
          </cell>
          <cell r="C511" t="str">
            <v/>
          </cell>
          <cell r="D511" t="str">
            <v/>
          </cell>
          <cell r="E511" t="str">
            <v/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B512" t="str">
            <v/>
          </cell>
          <cell r="C512" t="str">
            <v/>
          </cell>
          <cell r="D512" t="str">
            <v/>
          </cell>
          <cell r="E512" t="str">
            <v/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B513" t="str">
            <v/>
          </cell>
          <cell r="C513" t="str">
            <v/>
          </cell>
          <cell r="D513" t="str">
            <v/>
          </cell>
          <cell r="E513" t="str">
            <v/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B514" t="str">
            <v/>
          </cell>
          <cell r="C514" t="str">
            <v/>
          </cell>
          <cell r="D514" t="str">
            <v/>
          </cell>
          <cell r="E514" t="str">
            <v/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B515" t="str">
            <v/>
          </cell>
          <cell r="C515" t="str">
            <v/>
          </cell>
          <cell r="D515" t="str">
            <v/>
          </cell>
          <cell r="E515" t="str">
            <v/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B516" t="str">
            <v/>
          </cell>
          <cell r="C516" t="str">
            <v/>
          </cell>
          <cell r="D516" t="str">
            <v/>
          </cell>
          <cell r="E516" t="str">
            <v/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B517" t="str">
            <v/>
          </cell>
          <cell r="C517" t="str">
            <v/>
          </cell>
          <cell r="D517" t="str">
            <v/>
          </cell>
          <cell r="E517" t="str">
            <v/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B518" t="str">
            <v/>
          </cell>
          <cell r="C518" t="str">
            <v/>
          </cell>
          <cell r="D518" t="str">
            <v/>
          </cell>
          <cell r="E518" t="str">
            <v/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B519" t="str">
            <v/>
          </cell>
          <cell r="C519" t="str">
            <v/>
          </cell>
          <cell r="D519" t="str">
            <v/>
          </cell>
          <cell r="E519" t="str">
            <v/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B520" t="str">
            <v/>
          </cell>
          <cell r="C520" t="str">
            <v/>
          </cell>
          <cell r="D520" t="str">
            <v/>
          </cell>
          <cell r="E520" t="str">
            <v/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B521" t="str">
            <v/>
          </cell>
          <cell r="C521" t="str">
            <v/>
          </cell>
          <cell r="D521" t="str">
            <v/>
          </cell>
          <cell r="E521" t="str">
            <v/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B522" t="str">
            <v/>
          </cell>
          <cell r="C522" t="str">
            <v/>
          </cell>
          <cell r="D522" t="str">
            <v/>
          </cell>
          <cell r="E522" t="str">
            <v/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B523" t="str">
            <v/>
          </cell>
          <cell r="C523" t="str">
            <v/>
          </cell>
          <cell r="D523" t="str">
            <v/>
          </cell>
          <cell r="E523" t="str">
            <v/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B524" t="str">
            <v/>
          </cell>
          <cell r="C524" t="str">
            <v/>
          </cell>
          <cell r="D524" t="str">
            <v/>
          </cell>
          <cell r="E524" t="str">
            <v/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B525" t="str">
            <v/>
          </cell>
          <cell r="C525" t="str">
            <v/>
          </cell>
          <cell r="D525" t="str">
            <v/>
          </cell>
          <cell r="E525" t="str">
            <v/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B526" t="str">
            <v/>
          </cell>
          <cell r="C526" t="str">
            <v/>
          </cell>
          <cell r="D526" t="str">
            <v/>
          </cell>
          <cell r="E526" t="str">
            <v/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B527" t="str">
            <v/>
          </cell>
          <cell r="C527" t="str">
            <v/>
          </cell>
          <cell r="D527" t="str">
            <v/>
          </cell>
          <cell r="E527" t="str">
            <v/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B528" t="str">
            <v/>
          </cell>
          <cell r="C528" t="str">
            <v/>
          </cell>
          <cell r="D528" t="str">
            <v/>
          </cell>
          <cell r="E528" t="str">
            <v/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B529" t="str">
            <v/>
          </cell>
          <cell r="C529" t="str">
            <v/>
          </cell>
          <cell r="D529" t="str">
            <v/>
          </cell>
          <cell r="E529" t="str">
            <v/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B530" t="str">
            <v/>
          </cell>
          <cell r="C530" t="str">
            <v/>
          </cell>
          <cell r="D530" t="str">
            <v/>
          </cell>
          <cell r="E530" t="str">
            <v/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B531" t="str">
            <v/>
          </cell>
          <cell r="C531" t="str">
            <v/>
          </cell>
          <cell r="D531" t="str">
            <v/>
          </cell>
          <cell r="E531" t="str">
            <v/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B532" t="str">
            <v/>
          </cell>
          <cell r="C532" t="str">
            <v/>
          </cell>
          <cell r="D532" t="str">
            <v/>
          </cell>
          <cell r="E532" t="str">
            <v/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B533" t="str">
            <v/>
          </cell>
          <cell r="C533" t="str">
            <v/>
          </cell>
          <cell r="D533" t="str">
            <v/>
          </cell>
          <cell r="E533" t="str">
            <v/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B534" t="str">
            <v/>
          </cell>
          <cell r="C534" t="str">
            <v/>
          </cell>
          <cell r="D534" t="str">
            <v/>
          </cell>
          <cell r="E534" t="str">
            <v/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B535" t="str">
            <v/>
          </cell>
          <cell r="C535" t="str">
            <v/>
          </cell>
          <cell r="D535" t="str">
            <v/>
          </cell>
          <cell r="E535" t="str">
            <v/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B536" t="str">
            <v/>
          </cell>
          <cell r="C536" t="str">
            <v/>
          </cell>
          <cell r="D536" t="str">
            <v/>
          </cell>
          <cell r="E536" t="str">
            <v/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B537" t="str">
            <v/>
          </cell>
          <cell r="C537" t="str">
            <v/>
          </cell>
          <cell r="D537" t="str">
            <v/>
          </cell>
          <cell r="E537" t="str">
            <v/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B538" t="str">
            <v/>
          </cell>
          <cell r="C538" t="str">
            <v/>
          </cell>
          <cell r="D538" t="str">
            <v/>
          </cell>
          <cell r="E538" t="str">
            <v/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B539" t="str">
            <v/>
          </cell>
          <cell r="C539" t="str">
            <v/>
          </cell>
          <cell r="D539" t="str">
            <v/>
          </cell>
          <cell r="E539" t="str">
            <v/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B540" t="str">
            <v/>
          </cell>
          <cell r="C540" t="str">
            <v/>
          </cell>
          <cell r="D540" t="str">
            <v/>
          </cell>
          <cell r="E540" t="str">
            <v/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B541" t="str">
            <v/>
          </cell>
          <cell r="C541" t="str">
            <v/>
          </cell>
          <cell r="D541" t="str">
            <v/>
          </cell>
          <cell r="E541" t="str">
            <v/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B542" t="str">
            <v/>
          </cell>
          <cell r="C542" t="str">
            <v/>
          </cell>
          <cell r="D542" t="str">
            <v/>
          </cell>
          <cell r="E542" t="str">
            <v/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B543" t="str">
            <v/>
          </cell>
          <cell r="C543" t="str">
            <v/>
          </cell>
          <cell r="D543" t="str">
            <v/>
          </cell>
          <cell r="E543" t="str">
            <v/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B544" t="str">
            <v/>
          </cell>
          <cell r="C544" t="str">
            <v/>
          </cell>
          <cell r="D544" t="str">
            <v/>
          </cell>
          <cell r="E544" t="str">
            <v/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B545" t="str">
            <v/>
          </cell>
          <cell r="C545" t="str">
            <v/>
          </cell>
          <cell r="D545" t="str">
            <v/>
          </cell>
          <cell r="E545" t="str">
            <v/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B546" t="str">
            <v/>
          </cell>
          <cell r="C546" t="str">
            <v/>
          </cell>
          <cell r="D546" t="str">
            <v/>
          </cell>
          <cell r="E546" t="str">
            <v/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B547" t="str">
            <v/>
          </cell>
          <cell r="C547" t="str">
            <v/>
          </cell>
          <cell r="D547" t="str">
            <v/>
          </cell>
          <cell r="E547" t="str">
            <v/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B548" t="str">
            <v/>
          </cell>
          <cell r="C548" t="str">
            <v/>
          </cell>
          <cell r="D548" t="str">
            <v/>
          </cell>
          <cell r="E548" t="str">
            <v/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B549" t="str">
            <v/>
          </cell>
          <cell r="C549" t="str">
            <v/>
          </cell>
          <cell r="D549" t="str">
            <v/>
          </cell>
          <cell r="E549" t="str">
            <v/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B550" t="str">
            <v/>
          </cell>
          <cell r="C550" t="str">
            <v/>
          </cell>
          <cell r="D550" t="str">
            <v/>
          </cell>
          <cell r="E550" t="str">
            <v/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B551" t="str">
            <v/>
          </cell>
          <cell r="C551" t="str">
            <v/>
          </cell>
          <cell r="D551" t="str">
            <v/>
          </cell>
          <cell r="E551" t="str">
            <v/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B552" t="str">
            <v/>
          </cell>
          <cell r="C552" t="str">
            <v/>
          </cell>
          <cell r="D552" t="str">
            <v/>
          </cell>
          <cell r="E552" t="str">
            <v/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B553" t="str">
            <v/>
          </cell>
          <cell r="C553" t="str">
            <v/>
          </cell>
          <cell r="D553" t="str">
            <v/>
          </cell>
          <cell r="E553" t="str">
            <v/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B554" t="str">
            <v/>
          </cell>
          <cell r="C554" t="str">
            <v/>
          </cell>
          <cell r="D554" t="str">
            <v/>
          </cell>
          <cell r="E554" t="str">
            <v/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B555" t="str">
            <v/>
          </cell>
          <cell r="C555" t="str">
            <v/>
          </cell>
          <cell r="D555" t="str">
            <v/>
          </cell>
          <cell r="E555" t="str">
            <v/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B556" t="str">
            <v/>
          </cell>
          <cell r="C556" t="str">
            <v/>
          </cell>
          <cell r="D556" t="str">
            <v/>
          </cell>
          <cell r="E556" t="str">
            <v/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B557" t="str">
            <v/>
          </cell>
          <cell r="C557" t="str">
            <v/>
          </cell>
          <cell r="D557" t="str">
            <v/>
          </cell>
          <cell r="E557" t="str">
            <v/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B558" t="str">
            <v/>
          </cell>
          <cell r="C558" t="str">
            <v/>
          </cell>
          <cell r="D558" t="str">
            <v/>
          </cell>
          <cell r="E558" t="str">
            <v/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B559" t="str">
            <v/>
          </cell>
          <cell r="C559" t="str">
            <v/>
          </cell>
          <cell r="D559" t="str">
            <v/>
          </cell>
          <cell r="E559" t="str">
            <v/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B560" t="str">
            <v/>
          </cell>
          <cell r="C560" t="str">
            <v/>
          </cell>
          <cell r="D560" t="str">
            <v/>
          </cell>
          <cell r="E560" t="str">
            <v/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B561" t="str">
            <v/>
          </cell>
          <cell r="C561" t="str">
            <v/>
          </cell>
          <cell r="D561" t="str">
            <v/>
          </cell>
          <cell r="E561" t="str">
            <v/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B562" t="str">
            <v/>
          </cell>
          <cell r="C562" t="str">
            <v/>
          </cell>
          <cell r="D562" t="str">
            <v/>
          </cell>
          <cell r="E562" t="str">
            <v/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B563" t="str">
            <v/>
          </cell>
          <cell r="C563" t="str">
            <v/>
          </cell>
          <cell r="D563" t="str">
            <v/>
          </cell>
          <cell r="E563" t="str">
            <v/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B564" t="str">
            <v/>
          </cell>
          <cell r="C564" t="str">
            <v/>
          </cell>
          <cell r="D564" t="str">
            <v/>
          </cell>
          <cell r="E564" t="str">
            <v/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B565" t="str">
            <v/>
          </cell>
          <cell r="C565" t="str">
            <v/>
          </cell>
          <cell r="D565" t="str">
            <v/>
          </cell>
          <cell r="E565" t="str">
            <v/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B566" t="str">
            <v/>
          </cell>
          <cell r="C566" t="str">
            <v/>
          </cell>
          <cell r="D566" t="str">
            <v/>
          </cell>
          <cell r="E566" t="str">
            <v/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B567" t="str">
            <v/>
          </cell>
          <cell r="C567" t="str">
            <v/>
          </cell>
          <cell r="D567" t="str">
            <v/>
          </cell>
          <cell r="E567" t="str">
            <v/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B568" t="str">
            <v/>
          </cell>
          <cell r="C568" t="str">
            <v/>
          </cell>
          <cell r="D568" t="str">
            <v/>
          </cell>
          <cell r="E568" t="str">
            <v/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B569" t="str">
            <v/>
          </cell>
          <cell r="C569" t="str">
            <v/>
          </cell>
          <cell r="D569" t="str">
            <v/>
          </cell>
          <cell r="E569" t="str">
            <v/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B570" t="str">
            <v/>
          </cell>
          <cell r="C570" t="str">
            <v/>
          </cell>
          <cell r="D570" t="str">
            <v/>
          </cell>
          <cell r="E570" t="str">
            <v/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B571" t="str">
            <v/>
          </cell>
          <cell r="C571" t="str">
            <v/>
          </cell>
          <cell r="D571" t="str">
            <v/>
          </cell>
          <cell r="E571" t="str">
            <v/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B572" t="str">
            <v/>
          </cell>
          <cell r="C572" t="str">
            <v/>
          </cell>
          <cell r="D572" t="str">
            <v/>
          </cell>
          <cell r="E572" t="str">
            <v/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B573" t="str">
            <v/>
          </cell>
          <cell r="C573" t="str">
            <v/>
          </cell>
          <cell r="D573" t="str">
            <v/>
          </cell>
          <cell r="E573" t="str">
            <v/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B574" t="str">
            <v/>
          </cell>
          <cell r="C574" t="str">
            <v/>
          </cell>
          <cell r="D574" t="str">
            <v/>
          </cell>
          <cell r="E574" t="str">
            <v/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B575" t="str">
            <v/>
          </cell>
          <cell r="C575" t="str">
            <v/>
          </cell>
          <cell r="D575" t="str">
            <v/>
          </cell>
          <cell r="E575" t="str">
            <v/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B576" t="str">
            <v/>
          </cell>
          <cell r="C576" t="str">
            <v/>
          </cell>
          <cell r="D576" t="str">
            <v/>
          </cell>
          <cell r="E576" t="str">
            <v/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B577" t="str">
            <v/>
          </cell>
          <cell r="C577" t="str">
            <v/>
          </cell>
          <cell r="D577" t="str">
            <v/>
          </cell>
          <cell r="E577" t="str">
            <v/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配布ファイル作成"/>
      <sheetName val="Sheet1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純資産変動計算書（本表））"/>
      <sheetName val="雛型（キャッシュフロー計算書（本表））"/>
      <sheetName val="雛型（引当金明細表（本表））"/>
      <sheetName val="雛型（有形固定資産等明細表（本表））"/>
      <sheetName val="雛型（貸借対照表（概要版））"/>
      <sheetName val="雛型（行政コスト計算書（概要版））"/>
      <sheetName val="雛型（キャッシュフロー計算書（概要版））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992B133-51D5-4922-9D80-8E2B1F5621D7}">
  <sheetPr codeName="Sheet7"/>
  <dimension ref="A1:T194"/>
  <sheetViews>
    <sheetView showGridLines="0" tabSelected="1" view="pageBreakPreview" zoomScale="60" zoomScaleNormal="70" workbookViewId="0">
      <selection activeCell="B6" sqref="B6:R6"/>
    </sheetView>
  </sheetViews>
  <sheetFormatPr defaultColWidth="8.875" defaultRowHeight="22.5" customHeight="1" x14ac:dyDescent="0.4"/>
  <cols>
    <col min="1" max="1" width="7.125" style="1" customWidth="1"/>
    <col min="2" max="7" width="3.75" style="1" customWidth="1"/>
    <col min="8" max="8" width="21.375" style="1" customWidth="1"/>
    <col min="9" max="9" width="34.125" style="1" customWidth="1"/>
    <col min="10" max="10" width="1.125" style="1" customWidth="1"/>
    <col min="11" max="16" width="3.75" style="1" customWidth="1"/>
    <col min="17" max="17" width="21.375" style="1" customWidth="1"/>
    <col min="18" max="18" width="34.125" style="1" customWidth="1"/>
    <col min="19" max="19" width="1.125" style="1" customWidth="1"/>
    <col min="20" max="20" width="7.125" style="1" customWidth="1"/>
    <col min="21" max="16384" width="8.875" style="1"/>
  </cols>
  <sheetData>
    <row r="1" spans="1:20" ht="22.5" customHeight="1" x14ac:dyDescent="0.4">
      <c r="B1" s="2" t="s">
        <v>66</v>
      </c>
    </row>
    <row r="2" spans="1:20" ht="22.5" customHeight="1" x14ac:dyDescent="0.4">
      <c r="B2" s="2" t="s">
        <v>67</v>
      </c>
    </row>
    <row r="3" spans="1:20" ht="22.5" customHeight="1" x14ac:dyDescent="0.4">
      <c r="B3" s="2" t="s">
        <v>68</v>
      </c>
    </row>
    <row r="4" spans="1:20" ht="22.5" customHeight="1" x14ac:dyDescent="0.4">
      <c r="A4" s="3"/>
      <c r="B4" s="4"/>
      <c r="C4" s="4"/>
      <c r="D4" s="4"/>
      <c r="E4" s="4"/>
      <c r="F4" s="4"/>
      <c r="G4" s="4"/>
      <c r="H4" s="4"/>
      <c r="I4" s="4"/>
      <c r="J4" s="4"/>
      <c r="K4" s="4"/>
      <c r="L4" s="4"/>
      <c r="M4" s="4"/>
      <c r="N4" s="4"/>
      <c r="O4" s="4"/>
      <c r="P4" s="4"/>
      <c r="Q4" s="4"/>
      <c r="R4" s="4"/>
      <c r="S4" s="4"/>
      <c r="T4" s="5"/>
    </row>
    <row r="5" spans="1:20" ht="22.5" customHeight="1" x14ac:dyDescent="0.2">
      <c r="A5" s="6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  <c r="O5" s="7"/>
      <c r="P5" s="7"/>
      <c r="Q5" s="7"/>
      <c r="R5" s="7"/>
      <c r="S5" s="7"/>
      <c r="T5" s="8"/>
    </row>
    <row r="6" spans="1:20" ht="28.5" x14ac:dyDescent="0.3">
      <c r="A6" s="6"/>
      <c r="B6" s="127" t="s">
        <v>0</v>
      </c>
      <c r="C6" s="127"/>
      <c r="D6" s="127"/>
      <c r="E6" s="127"/>
      <c r="F6" s="127"/>
      <c r="G6" s="127"/>
      <c r="H6" s="127"/>
      <c r="I6" s="127"/>
      <c r="J6" s="127"/>
      <c r="K6" s="127"/>
      <c r="L6" s="127"/>
      <c r="M6" s="127"/>
      <c r="N6" s="127"/>
      <c r="O6" s="127"/>
      <c r="P6" s="127"/>
      <c r="Q6" s="127"/>
      <c r="R6" s="127"/>
      <c r="S6" s="9"/>
      <c r="T6" s="8"/>
    </row>
    <row r="7" spans="1:20" ht="22.5" customHeight="1" x14ac:dyDescent="0.4">
      <c r="A7" s="6"/>
      <c r="B7" s="128" t="s">
        <v>65</v>
      </c>
      <c r="C7" s="128"/>
      <c r="D7" s="128"/>
      <c r="E7" s="128"/>
      <c r="F7" s="128"/>
      <c r="G7" s="128"/>
      <c r="H7" s="128"/>
      <c r="I7" s="128"/>
      <c r="J7" s="128"/>
      <c r="K7" s="128"/>
      <c r="L7" s="128"/>
      <c r="M7" s="128"/>
      <c r="N7" s="128"/>
      <c r="O7" s="128"/>
      <c r="P7" s="128"/>
      <c r="Q7" s="128"/>
      <c r="R7" s="128"/>
      <c r="S7" s="10"/>
      <c r="T7" s="8"/>
    </row>
    <row r="8" spans="1:20" ht="22.5" customHeight="1" x14ac:dyDescent="0.4">
      <c r="A8" s="6"/>
      <c r="B8" s="11"/>
      <c r="C8" s="11"/>
      <c r="D8" s="11"/>
      <c r="E8" s="11"/>
      <c r="F8" s="11"/>
      <c r="G8" s="11"/>
      <c r="H8" s="11"/>
      <c r="I8" s="11"/>
      <c r="J8" s="11"/>
      <c r="K8" s="129"/>
      <c r="L8" s="129"/>
      <c r="M8" s="129"/>
      <c r="N8" s="130" t="s">
        <v>1</v>
      </c>
      <c r="O8" s="130"/>
      <c r="P8" s="130"/>
      <c r="Q8" s="12"/>
      <c r="R8" s="11"/>
      <c r="S8" s="11"/>
      <c r="T8" s="8"/>
    </row>
    <row r="9" spans="1:20" ht="22.5" customHeight="1" x14ac:dyDescent="0.4">
      <c r="A9" s="6"/>
      <c r="B9" s="131"/>
      <c r="C9" s="131"/>
      <c r="D9" s="131"/>
      <c r="F9" s="13"/>
      <c r="R9" s="14" t="s">
        <v>2</v>
      </c>
      <c r="S9" s="15"/>
      <c r="T9" s="8"/>
    </row>
    <row r="10" spans="1:20" ht="22.5" customHeight="1" x14ac:dyDescent="0.4">
      <c r="A10" s="16"/>
      <c r="B10" s="27" t="s">
        <v>69</v>
      </c>
      <c r="C10" s="17"/>
      <c r="D10" s="17"/>
      <c r="E10" s="17"/>
      <c r="F10" s="17"/>
      <c r="G10" s="17"/>
      <c r="H10" s="17"/>
      <c r="I10" s="18"/>
      <c r="J10" s="19"/>
      <c r="K10" s="92" t="s">
        <v>89</v>
      </c>
      <c r="L10" s="17"/>
      <c r="M10" s="17"/>
      <c r="N10" s="17"/>
      <c r="O10" s="17"/>
      <c r="P10" s="17"/>
      <c r="Q10" s="17"/>
      <c r="R10" s="18"/>
      <c r="S10" s="20"/>
      <c r="T10" s="8"/>
    </row>
    <row r="11" spans="1:20" ht="22.5" customHeight="1" x14ac:dyDescent="0.4">
      <c r="A11" s="6"/>
      <c r="B11" s="28"/>
      <c r="C11" s="89" t="s">
        <v>70</v>
      </c>
      <c r="D11" s="89"/>
      <c r="E11" s="89"/>
      <c r="F11" s="89"/>
      <c r="G11" s="89"/>
      <c r="H11" s="89"/>
      <c r="I11" s="90">
        <v>122682</v>
      </c>
      <c r="J11" s="30"/>
      <c r="K11" s="28"/>
      <c r="L11" s="93" t="s">
        <v>90</v>
      </c>
      <c r="M11" s="89"/>
      <c r="N11" s="89"/>
      <c r="O11" s="89"/>
      <c r="P11" s="89"/>
      <c r="Q11" s="89"/>
      <c r="R11" s="90">
        <v>99415316</v>
      </c>
      <c r="S11" s="94"/>
      <c r="T11" s="8"/>
    </row>
    <row r="12" spans="1:20" ht="22.5" customHeight="1" x14ac:dyDescent="0.4">
      <c r="A12" s="6"/>
      <c r="B12" s="28"/>
      <c r="C12" s="89"/>
      <c r="D12" s="89" t="s">
        <v>71</v>
      </c>
      <c r="E12" s="89"/>
      <c r="F12" s="89"/>
      <c r="G12" s="89"/>
      <c r="H12" s="89"/>
      <c r="I12" s="90">
        <v>0</v>
      </c>
      <c r="J12" s="30"/>
      <c r="K12" s="28"/>
      <c r="L12" s="89"/>
      <c r="M12" s="89" t="s">
        <v>91</v>
      </c>
      <c r="N12" s="89"/>
      <c r="O12" s="89"/>
      <c r="P12" s="89"/>
      <c r="Q12" s="89"/>
      <c r="R12" s="90">
        <v>19261000</v>
      </c>
      <c r="S12" s="94"/>
      <c r="T12" s="8"/>
    </row>
    <row r="13" spans="1:20" ht="22.5" customHeight="1" x14ac:dyDescent="0.4">
      <c r="A13" s="6"/>
      <c r="B13" s="28"/>
      <c r="C13" s="89"/>
      <c r="D13" s="89"/>
      <c r="E13" s="89" t="s">
        <v>72</v>
      </c>
      <c r="F13" s="89"/>
      <c r="G13" s="89"/>
      <c r="H13" s="89"/>
      <c r="I13" s="90">
        <v>0</v>
      </c>
      <c r="J13" s="30"/>
      <c r="K13" s="28"/>
      <c r="L13" s="89"/>
      <c r="M13" s="89" t="s">
        <v>92</v>
      </c>
      <c r="N13" s="89"/>
      <c r="O13" s="89"/>
      <c r="P13" s="89"/>
      <c r="Q13" s="89"/>
      <c r="R13" s="90">
        <v>0</v>
      </c>
      <c r="S13" s="94"/>
      <c r="T13" s="8"/>
    </row>
    <row r="14" spans="1:20" ht="22.5" customHeight="1" x14ac:dyDescent="0.4">
      <c r="A14" s="6"/>
      <c r="B14" s="28"/>
      <c r="C14" s="89"/>
      <c r="D14" s="89"/>
      <c r="E14" s="89" t="s">
        <v>73</v>
      </c>
      <c r="F14" s="89"/>
      <c r="G14" s="89"/>
      <c r="H14" s="89"/>
      <c r="I14" s="90">
        <v>0</v>
      </c>
      <c r="J14" s="30"/>
      <c r="K14" s="28"/>
      <c r="L14" s="89"/>
      <c r="M14" s="89"/>
      <c r="N14" s="89" t="s">
        <v>93</v>
      </c>
      <c r="O14" s="89"/>
      <c r="P14" s="89"/>
      <c r="Q14" s="89"/>
      <c r="R14" s="90">
        <v>0</v>
      </c>
      <c r="S14" s="94"/>
      <c r="T14" s="8"/>
    </row>
    <row r="15" spans="1:20" ht="18.75" x14ac:dyDescent="0.4">
      <c r="A15" s="6"/>
      <c r="B15" s="28"/>
      <c r="C15" s="89"/>
      <c r="D15" s="89" t="s">
        <v>74</v>
      </c>
      <c r="E15" s="89"/>
      <c r="F15" s="89"/>
      <c r="G15" s="89"/>
      <c r="H15" s="89"/>
      <c r="I15" s="90">
        <v>122682</v>
      </c>
      <c r="J15" s="30"/>
      <c r="K15" s="28"/>
      <c r="L15" s="89"/>
      <c r="M15" s="89"/>
      <c r="N15" s="89" t="s">
        <v>94</v>
      </c>
      <c r="O15" s="89"/>
      <c r="P15" s="89"/>
      <c r="Q15" s="89"/>
      <c r="R15" s="90">
        <v>0</v>
      </c>
      <c r="S15" s="94"/>
      <c r="T15" s="8"/>
    </row>
    <row r="16" spans="1:20" ht="22.5" customHeight="1" x14ac:dyDescent="0.4">
      <c r="A16" s="6"/>
      <c r="B16" s="28"/>
      <c r="C16" s="89"/>
      <c r="D16" s="89" t="s">
        <v>75</v>
      </c>
      <c r="E16" s="89"/>
      <c r="F16" s="89"/>
      <c r="G16" s="89"/>
      <c r="H16" s="89"/>
      <c r="I16" s="90">
        <v>0</v>
      </c>
      <c r="J16" s="30"/>
      <c r="K16" s="28"/>
      <c r="L16" s="89"/>
      <c r="M16" s="89" t="s">
        <v>61</v>
      </c>
      <c r="N16" s="89"/>
      <c r="O16" s="89"/>
      <c r="P16" s="89"/>
      <c r="Q16" s="89"/>
      <c r="R16" s="90">
        <v>78834970</v>
      </c>
      <c r="S16" s="94"/>
      <c r="T16" s="8"/>
    </row>
    <row r="17" spans="1:20" ht="22.5" customHeight="1" x14ac:dyDescent="0.4">
      <c r="A17" s="6"/>
      <c r="B17" s="28"/>
      <c r="C17" s="89"/>
      <c r="D17" s="89" t="s">
        <v>76</v>
      </c>
      <c r="E17" s="89"/>
      <c r="F17" s="89"/>
      <c r="G17" s="89"/>
      <c r="H17" s="89"/>
      <c r="I17" s="90">
        <v>0</v>
      </c>
      <c r="J17" s="30"/>
      <c r="K17" s="28"/>
      <c r="L17" s="89"/>
      <c r="M17" s="89" t="s">
        <v>95</v>
      </c>
      <c r="N17" s="89"/>
      <c r="O17" s="89"/>
      <c r="P17" s="89"/>
      <c r="Q17" s="89"/>
      <c r="R17" s="90">
        <v>0</v>
      </c>
      <c r="S17" s="94"/>
      <c r="T17" s="8"/>
    </row>
    <row r="18" spans="1:20" ht="22.5" customHeight="1" x14ac:dyDescent="0.4">
      <c r="A18" s="6"/>
      <c r="B18" s="28"/>
      <c r="C18" s="89"/>
      <c r="D18" s="89"/>
      <c r="E18" s="89" t="s">
        <v>77</v>
      </c>
      <c r="F18" s="89"/>
      <c r="G18" s="89"/>
      <c r="H18" s="89"/>
      <c r="I18" s="90">
        <v>0</v>
      </c>
      <c r="J18" s="30"/>
      <c r="K18" s="28"/>
      <c r="L18" s="89"/>
      <c r="M18" s="89" t="s">
        <v>96</v>
      </c>
      <c r="N18" s="89"/>
      <c r="O18" s="89"/>
      <c r="P18" s="89"/>
      <c r="Q18" s="89"/>
      <c r="R18" s="90">
        <v>0</v>
      </c>
      <c r="S18" s="94"/>
      <c r="T18" s="8"/>
    </row>
    <row r="19" spans="1:20" ht="22.5" customHeight="1" x14ac:dyDescent="0.4">
      <c r="A19" s="6"/>
      <c r="B19" s="28"/>
      <c r="C19" s="89"/>
      <c r="D19" s="89"/>
      <c r="E19" s="89" t="s">
        <v>78</v>
      </c>
      <c r="F19" s="89"/>
      <c r="G19" s="89"/>
      <c r="H19" s="89"/>
      <c r="I19" s="90">
        <v>0</v>
      </c>
      <c r="J19" s="30"/>
      <c r="K19" s="28"/>
      <c r="L19" s="89"/>
      <c r="M19" s="89" t="s">
        <v>97</v>
      </c>
      <c r="N19" s="89"/>
      <c r="O19" s="89"/>
      <c r="P19" s="89"/>
      <c r="Q19" s="89"/>
      <c r="R19" s="90">
        <v>1319346</v>
      </c>
      <c r="S19" s="94"/>
      <c r="T19" s="8"/>
    </row>
    <row r="20" spans="1:20" ht="22.5" customHeight="1" x14ac:dyDescent="0.4">
      <c r="A20" s="6"/>
      <c r="B20" s="28"/>
      <c r="C20" s="89"/>
      <c r="D20" s="89" t="s">
        <v>75</v>
      </c>
      <c r="E20" s="89"/>
      <c r="F20" s="89"/>
      <c r="G20" s="89"/>
      <c r="H20" s="89"/>
      <c r="I20" s="90">
        <v>0</v>
      </c>
      <c r="J20" s="30"/>
      <c r="K20" s="28"/>
      <c r="L20" s="89"/>
      <c r="M20" s="89" t="s">
        <v>98</v>
      </c>
      <c r="N20" s="89"/>
      <c r="O20" s="89"/>
      <c r="P20" s="89"/>
      <c r="Q20" s="89"/>
      <c r="R20" s="90">
        <v>0</v>
      </c>
      <c r="S20" s="94"/>
      <c r="T20" s="8"/>
    </row>
    <row r="21" spans="1:20" ht="22.5" customHeight="1" x14ac:dyDescent="0.4">
      <c r="A21" s="6"/>
      <c r="B21" s="28"/>
      <c r="C21" s="89"/>
      <c r="D21" s="89" t="s">
        <v>79</v>
      </c>
      <c r="E21" s="89"/>
      <c r="F21" s="89"/>
      <c r="G21" s="89"/>
      <c r="H21" s="89"/>
      <c r="I21" s="90">
        <v>0</v>
      </c>
      <c r="J21" s="30"/>
      <c r="K21" s="28"/>
      <c r="L21" s="89" t="s">
        <v>99</v>
      </c>
      <c r="M21" s="89"/>
      <c r="N21" s="89"/>
      <c r="O21" s="89"/>
      <c r="P21" s="89"/>
      <c r="Q21" s="89"/>
      <c r="R21" s="90">
        <v>1021872360</v>
      </c>
      <c r="S21" s="94"/>
      <c r="T21" s="8"/>
    </row>
    <row r="22" spans="1:20" ht="22.5" customHeight="1" x14ac:dyDescent="0.4">
      <c r="A22" s="6"/>
      <c r="B22" s="28"/>
      <c r="C22" s="89"/>
      <c r="D22" s="89" t="s">
        <v>75</v>
      </c>
      <c r="E22" s="89"/>
      <c r="F22" s="89"/>
      <c r="G22" s="89"/>
      <c r="H22" s="89"/>
      <c r="I22" s="90">
        <v>0</v>
      </c>
      <c r="J22" s="30"/>
      <c r="K22" s="28"/>
      <c r="L22" s="89"/>
      <c r="M22" s="89" t="s">
        <v>91</v>
      </c>
      <c r="N22" s="89"/>
      <c r="O22" s="89"/>
      <c r="P22" s="89"/>
      <c r="Q22" s="89"/>
      <c r="R22" s="90">
        <v>326277000</v>
      </c>
      <c r="S22" s="94"/>
      <c r="T22" s="8"/>
    </row>
    <row r="23" spans="1:20" ht="22.5" customHeight="1" x14ac:dyDescent="0.4">
      <c r="A23" s="6"/>
      <c r="B23" s="28"/>
      <c r="C23" s="89"/>
      <c r="D23" s="89" t="s">
        <v>80</v>
      </c>
      <c r="E23" s="89"/>
      <c r="F23" s="89"/>
      <c r="G23" s="89"/>
      <c r="H23" s="89"/>
      <c r="I23" s="90">
        <v>0</v>
      </c>
      <c r="J23" s="30"/>
      <c r="K23" s="28"/>
      <c r="L23" s="89"/>
      <c r="M23" s="89" t="s">
        <v>100</v>
      </c>
      <c r="N23" s="89"/>
      <c r="O23" s="89"/>
      <c r="P23" s="89"/>
      <c r="Q23" s="89"/>
      <c r="R23" s="90">
        <v>0</v>
      </c>
      <c r="S23" s="94"/>
      <c r="T23" s="8"/>
    </row>
    <row r="24" spans="1:20" ht="22.5" customHeight="1" x14ac:dyDescent="0.4">
      <c r="A24" s="6"/>
      <c r="B24" s="28"/>
      <c r="C24" s="89" t="s">
        <v>81</v>
      </c>
      <c r="D24" s="89"/>
      <c r="E24" s="89"/>
      <c r="F24" s="89"/>
      <c r="G24" s="89"/>
      <c r="H24" s="89"/>
      <c r="I24" s="90">
        <v>16196333077</v>
      </c>
      <c r="J24" s="30"/>
      <c r="K24" s="28"/>
      <c r="L24" s="89"/>
      <c r="M24" s="89"/>
      <c r="N24" s="89" t="s">
        <v>93</v>
      </c>
      <c r="O24" s="89"/>
      <c r="P24" s="89"/>
      <c r="Q24" s="89"/>
      <c r="R24" s="90">
        <v>0</v>
      </c>
      <c r="S24" s="94"/>
      <c r="T24" s="8"/>
    </row>
    <row r="25" spans="1:20" ht="22.5" customHeight="1" x14ac:dyDescent="0.4">
      <c r="A25" s="6"/>
      <c r="B25" s="28"/>
      <c r="C25" s="89"/>
      <c r="D25" s="89" t="s">
        <v>29</v>
      </c>
      <c r="E25" s="89"/>
      <c r="F25" s="89"/>
      <c r="G25" s="89"/>
      <c r="H25" s="89"/>
      <c r="I25" s="90">
        <v>13105753080</v>
      </c>
      <c r="J25" s="30"/>
      <c r="K25" s="28"/>
      <c r="L25" s="89"/>
      <c r="M25" s="89"/>
      <c r="N25" s="89" t="s">
        <v>101</v>
      </c>
      <c r="O25" s="89"/>
      <c r="P25" s="89"/>
      <c r="Q25" s="89"/>
      <c r="R25" s="90">
        <v>0</v>
      </c>
      <c r="S25" s="94"/>
      <c r="T25" s="8"/>
    </row>
    <row r="26" spans="1:20" ht="22.5" customHeight="1" x14ac:dyDescent="0.4">
      <c r="A26" s="6"/>
      <c r="B26" s="28"/>
      <c r="C26" s="89"/>
      <c r="D26" s="89"/>
      <c r="E26" s="89" t="s">
        <v>30</v>
      </c>
      <c r="F26" s="89"/>
      <c r="G26" s="89"/>
      <c r="H26" s="89"/>
      <c r="I26" s="90">
        <v>13105753080</v>
      </c>
      <c r="J26" s="30"/>
      <c r="K26" s="28"/>
      <c r="L26" s="89"/>
      <c r="M26" s="89" t="s">
        <v>62</v>
      </c>
      <c r="N26" s="89"/>
      <c r="O26" s="89"/>
      <c r="P26" s="89"/>
      <c r="Q26" s="89"/>
      <c r="R26" s="90">
        <v>695595360</v>
      </c>
      <c r="S26" s="94"/>
      <c r="T26" s="8"/>
    </row>
    <row r="27" spans="1:20" ht="22.5" customHeight="1" x14ac:dyDescent="0.4">
      <c r="A27" s="6"/>
      <c r="B27" s="28"/>
      <c r="C27" s="89"/>
      <c r="D27" s="89"/>
      <c r="E27" s="89"/>
      <c r="F27" s="89" t="s">
        <v>31</v>
      </c>
      <c r="G27" s="89"/>
      <c r="H27" s="89"/>
      <c r="I27" s="90">
        <v>8733823208</v>
      </c>
      <c r="J27" s="30"/>
      <c r="K27" s="28"/>
      <c r="L27" s="89"/>
      <c r="M27" s="89" t="s">
        <v>63</v>
      </c>
      <c r="N27" s="89"/>
      <c r="O27" s="89"/>
      <c r="P27" s="89"/>
      <c r="Q27" s="89"/>
      <c r="R27" s="90">
        <v>0</v>
      </c>
      <c r="S27" s="94"/>
      <c r="T27" s="8"/>
    </row>
    <row r="28" spans="1:20" ht="22.5" customHeight="1" x14ac:dyDescent="0.4">
      <c r="A28" s="6"/>
      <c r="B28" s="28"/>
      <c r="C28" s="89"/>
      <c r="D28" s="89"/>
      <c r="E28" s="89"/>
      <c r="F28" s="89" t="s">
        <v>32</v>
      </c>
      <c r="G28" s="89"/>
      <c r="H28" s="89"/>
      <c r="I28" s="91">
        <v>4329753300</v>
      </c>
      <c r="J28" s="30"/>
      <c r="K28" s="28"/>
      <c r="L28" s="89"/>
      <c r="M28" s="89" t="s">
        <v>102</v>
      </c>
      <c r="N28" s="89"/>
      <c r="O28" s="89"/>
      <c r="P28" s="89"/>
      <c r="Q28" s="89"/>
      <c r="R28" s="91">
        <v>0</v>
      </c>
      <c r="S28" s="95"/>
      <c r="T28" s="8"/>
    </row>
    <row r="29" spans="1:20" ht="22.5" customHeight="1" x14ac:dyDescent="0.4">
      <c r="A29" s="6"/>
      <c r="B29" s="28"/>
      <c r="C29" s="89"/>
      <c r="D29" s="89"/>
      <c r="E29" s="89"/>
      <c r="F29" s="89" t="s">
        <v>33</v>
      </c>
      <c r="G29" s="89"/>
      <c r="H29" s="89"/>
      <c r="I29" s="91">
        <v>42176572</v>
      </c>
      <c r="J29" s="30"/>
      <c r="K29" s="28"/>
      <c r="L29" s="89"/>
      <c r="M29" s="89" t="s">
        <v>97</v>
      </c>
      <c r="N29" s="89"/>
      <c r="O29" s="89"/>
      <c r="P29" s="89"/>
      <c r="Q29" s="89"/>
      <c r="R29" s="91">
        <v>0</v>
      </c>
      <c r="S29" s="95"/>
      <c r="T29" s="8"/>
    </row>
    <row r="30" spans="1:20" ht="22.5" customHeight="1" x14ac:dyDescent="0.4">
      <c r="A30" s="6"/>
      <c r="B30" s="28"/>
      <c r="C30" s="89"/>
      <c r="D30" s="89"/>
      <c r="E30" s="89"/>
      <c r="F30" s="89" t="s">
        <v>34</v>
      </c>
      <c r="G30" s="89"/>
      <c r="H30" s="89"/>
      <c r="I30" s="91">
        <v>0</v>
      </c>
      <c r="J30" s="30"/>
      <c r="K30" s="28"/>
      <c r="L30" s="89"/>
      <c r="M30" s="89" t="s">
        <v>103</v>
      </c>
      <c r="N30" s="89"/>
      <c r="O30" s="89"/>
      <c r="P30" s="89"/>
      <c r="Q30" s="89"/>
      <c r="R30" s="91">
        <v>0</v>
      </c>
      <c r="S30" s="95"/>
      <c r="T30" s="8"/>
    </row>
    <row r="31" spans="1:20" ht="22.5" customHeight="1" x14ac:dyDescent="0.4">
      <c r="A31" s="6"/>
      <c r="B31" s="28"/>
      <c r="C31" s="89"/>
      <c r="D31" s="89"/>
      <c r="E31" s="89"/>
      <c r="F31" s="89" t="s">
        <v>35</v>
      </c>
      <c r="G31" s="89"/>
      <c r="H31" s="89"/>
      <c r="I31" s="91">
        <v>0</v>
      </c>
      <c r="J31" s="30"/>
      <c r="K31" s="81" t="s">
        <v>104</v>
      </c>
      <c r="L31" s="82"/>
      <c r="M31" s="83"/>
      <c r="N31" s="83"/>
      <c r="O31" s="83"/>
      <c r="P31" s="83"/>
      <c r="Q31" s="83"/>
      <c r="R31" s="86">
        <v>1121287676</v>
      </c>
      <c r="S31" s="87"/>
      <c r="T31" s="8"/>
    </row>
    <row r="32" spans="1:20" ht="22.5" customHeight="1" x14ac:dyDescent="0.4">
      <c r="A32" s="6"/>
      <c r="B32" s="28"/>
      <c r="C32" s="89"/>
      <c r="D32" s="89"/>
      <c r="E32" s="89"/>
      <c r="F32" s="89" t="s">
        <v>36</v>
      </c>
      <c r="G32" s="89"/>
      <c r="H32" s="89"/>
      <c r="I32" s="91">
        <v>0</v>
      </c>
      <c r="J32" s="30"/>
      <c r="K32" s="28" t="s">
        <v>105</v>
      </c>
      <c r="L32" s="89"/>
      <c r="M32" s="89"/>
      <c r="N32" s="89"/>
      <c r="O32" s="89"/>
      <c r="P32" s="89"/>
      <c r="Q32" s="89"/>
      <c r="R32" s="91"/>
      <c r="S32" s="95"/>
      <c r="T32" s="8"/>
    </row>
    <row r="33" spans="1:20" ht="22.5" customHeight="1" x14ac:dyDescent="0.4">
      <c r="A33" s="6"/>
      <c r="B33" s="28"/>
      <c r="C33" s="89"/>
      <c r="D33" s="89"/>
      <c r="E33" s="89"/>
      <c r="F33" s="89" t="s">
        <v>37</v>
      </c>
      <c r="G33" s="89"/>
      <c r="H33" s="89"/>
      <c r="I33" s="91">
        <v>0</v>
      </c>
      <c r="J33" s="30"/>
      <c r="K33" s="28"/>
      <c r="L33" s="89" t="s">
        <v>106</v>
      </c>
      <c r="M33" s="89"/>
      <c r="N33" s="89"/>
      <c r="O33" s="89"/>
      <c r="P33" s="89"/>
      <c r="Q33" s="89"/>
      <c r="R33" s="91">
        <v>15075168083</v>
      </c>
      <c r="S33" s="95"/>
      <c r="T33" s="8"/>
    </row>
    <row r="34" spans="1:20" ht="22.5" customHeight="1" x14ac:dyDescent="0.4">
      <c r="A34" s="6"/>
      <c r="B34" s="28"/>
      <c r="C34" s="89"/>
      <c r="D34" s="89"/>
      <c r="E34" s="89" t="s">
        <v>38</v>
      </c>
      <c r="F34" s="89"/>
      <c r="G34" s="89"/>
      <c r="H34" s="89"/>
      <c r="I34" s="91">
        <v>0</v>
      </c>
      <c r="J34" s="30"/>
      <c r="K34" s="28"/>
      <c r="L34" s="89" t="s">
        <v>107</v>
      </c>
      <c r="M34" s="89"/>
      <c r="N34" s="89"/>
      <c r="O34" s="89"/>
      <c r="P34" s="89"/>
      <c r="Q34" s="89"/>
      <c r="R34" s="91">
        <v>0</v>
      </c>
      <c r="S34" s="95"/>
      <c r="T34" s="8"/>
    </row>
    <row r="35" spans="1:20" ht="22.5" customHeight="1" x14ac:dyDescent="0.4">
      <c r="A35" s="6"/>
      <c r="B35" s="28"/>
      <c r="C35" s="89"/>
      <c r="D35" s="89"/>
      <c r="E35" s="89"/>
      <c r="F35" s="89" t="s">
        <v>39</v>
      </c>
      <c r="G35" s="89"/>
      <c r="H35" s="89"/>
      <c r="I35" s="91">
        <v>0</v>
      </c>
      <c r="J35" s="30"/>
      <c r="K35" s="28"/>
      <c r="L35" s="89"/>
      <c r="M35" s="89" t="s">
        <v>108</v>
      </c>
      <c r="N35" s="89"/>
      <c r="O35" s="89"/>
      <c r="P35" s="89"/>
      <c r="Q35" s="89"/>
      <c r="R35" s="91">
        <v>0</v>
      </c>
      <c r="S35" s="95"/>
      <c r="T35" s="8"/>
    </row>
    <row r="36" spans="1:20" ht="22.5" customHeight="1" x14ac:dyDescent="0.4">
      <c r="A36" s="6"/>
      <c r="B36" s="28"/>
      <c r="C36" s="89"/>
      <c r="D36" s="89"/>
      <c r="E36" s="89"/>
      <c r="F36" s="89" t="s">
        <v>40</v>
      </c>
      <c r="G36" s="89"/>
      <c r="H36" s="89"/>
      <c r="I36" s="91">
        <v>0</v>
      </c>
      <c r="J36" s="30"/>
      <c r="K36" s="28"/>
      <c r="L36" s="89"/>
      <c r="M36" s="89"/>
      <c r="N36" s="89"/>
      <c r="O36" s="89"/>
      <c r="P36" s="89"/>
      <c r="Q36" s="89"/>
      <c r="R36" s="91"/>
      <c r="S36" s="95"/>
      <c r="T36" s="8"/>
    </row>
    <row r="37" spans="1:20" ht="22.5" customHeight="1" x14ac:dyDescent="0.4">
      <c r="A37" s="6"/>
      <c r="B37" s="28"/>
      <c r="C37" s="89"/>
      <c r="D37" s="89" t="s">
        <v>41</v>
      </c>
      <c r="E37" s="89"/>
      <c r="F37" s="89"/>
      <c r="G37" s="89"/>
      <c r="H37" s="89"/>
      <c r="I37" s="91">
        <v>0</v>
      </c>
      <c r="J37" s="30"/>
      <c r="K37" s="28"/>
      <c r="L37" s="89"/>
      <c r="M37" s="89"/>
      <c r="N37" s="89"/>
      <c r="O37" s="89"/>
      <c r="P37" s="89"/>
      <c r="Q37" s="89"/>
      <c r="R37" s="91"/>
      <c r="S37" s="95"/>
      <c r="T37" s="8"/>
    </row>
    <row r="38" spans="1:20" ht="22.5" customHeight="1" x14ac:dyDescent="0.4">
      <c r="A38" s="6"/>
      <c r="B38" s="28"/>
      <c r="C38" s="89"/>
      <c r="D38" s="89"/>
      <c r="E38" s="89" t="s">
        <v>42</v>
      </c>
      <c r="F38" s="89"/>
      <c r="G38" s="89"/>
      <c r="H38" s="89"/>
      <c r="I38" s="91">
        <v>0</v>
      </c>
      <c r="J38" s="30"/>
      <c r="K38" s="28"/>
      <c r="L38" s="89"/>
      <c r="M38" s="89"/>
      <c r="N38" s="89"/>
      <c r="O38" s="89"/>
      <c r="P38" s="89"/>
      <c r="Q38" s="89"/>
      <c r="R38" s="91"/>
      <c r="S38" s="95"/>
      <c r="T38" s="8"/>
    </row>
    <row r="39" spans="1:20" ht="22.5" customHeight="1" x14ac:dyDescent="0.4">
      <c r="A39" s="6"/>
      <c r="B39" s="28"/>
      <c r="C39" s="89"/>
      <c r="D39" s="89"/>
      <c r="E39" s="89"/>
      <c r="F39" s="89" t="s">
        <v>31</v>
      </c>
      <c r="G39" s="89"/>
      <c r="H39" s="89"/>
      <c r="I39" s="91">
        <v>0</v>
      </c>
      <c r="J39" s="30"/>
      <c r="K39" s="28"/>
      <c r="L39" s="89"/>
      <c r="M39" s="89"/>
      <c r="N39" s="89"/>
      <c r="O39" s="89"/>
      <c r="P39" s="89"/>
      <c r="Q39" s="89"/>
      <c r="R39" s="91"/>
      <c r="S39" s="95"/>
      <c r="T39" s="8"/>
    </row>
    <row r="40" spans="1:20" ht="22.5" customHeight="1" x14ac:dyDescent="0.4">
      <c r="A40" s="6"/>
      <c r="B40" s="28"/>
      <c r="C40" s="89"/>
      <c r="D40" s="89"/>
      <c r="E40" s="89"/>
      <c r="F40" s="89" t="s">
        <v>32</v>
      </c>
      <c r="G40" s="89"/>
      <c r="H40" s="89"/>
      <c r="I40" s="91">
        <v>0</v>
      </c>
      <c r="J40" s="30"/>
      <c r="K40" s="28"/>
      <c r="L40" s="89"/>
      <c r="M40" s="89"/>
      <c r="N40" s="89"/>
      <c r="O40" s="89"/>
      <c r="P40" s="89"/>
      <c r="Q40" s="89"/>
      <c r="R40" s="91"/>
      <c r="S40" s="95"/>
      <c r="T40" s="8"/>
    </row>
    <row r="41" spans="1:20" ht="22.5" customHeight="1" x14ac:dyDescent="0.4">
      <c r="A41" s="6"/>
      <c r="B41" s="28"/>
      <c r="C41" s="89"/>
      <c r="D41" s="89"/>
      <c r="E41" s="89"/>
      <c r="F41" s="89" t="s">
        <v>33</v>
      </c>
      <c r="G41" s="89"/>
      <c r="H41" s="89"/>
      <c r="I41" s="91">
        <v>0</v>
      </c>
      <c r="J41" s="30"/>
      <c r="K41" s="28"/>
      <c r="L41" s="89"/>
      <c r="M41" s="89"/>
      <c r="N41" s="89"/>
      <c r="O41" s="89"/>
      <c r="P41" s="89"/>
      <c r="Q41" s="89"/>
      <c r="R41" s="91"/>
      <c r="S41" s="95"/>
      <c r="T41" s="8"/>
    </row>
    <row r="42" spans="1:20" ht="22.5" customHeight="1" x14ac:dyDescent="0.4">
      <c r="A42" s="6"/>
      <c r="B42" s="28"/>
      <c r="C42" s="89"/>
      <c r="D42" s="89"/>
      <c r="E42" s="89" t="s">
        <v>43</v>
      </c>
      <c r="F42" s="89"/>
      <c r="G42" s="89"/>
      <c r="H42" s="89"/>
      <c r="I42" s="91">
        <v>0</v>
      </c>
      <c r="J42" s="30"/>
      <c r="K42" s="28"/>
      <c r="L42" s="89"/>
      <c r="M42" s="89"/>
      <c r="N42" s="89"/>
      <c r="O42" s="89"/>
      <c r="P42" s="89"/>
      <c r="Q42" s="89"/>
      <c r="R42" s="91"/>
      <c r="S42" s="95"/>
      <c r="T42" s="8"/>
    </row>
    <row r="43" spans="1:20" ht="22.5" customHeight="1" x14ac:dyDescent="0.4">
      <c r="A43" s="6"/>
      <c r="B43" s="28"/>
      <c r="C43" s="89"/>
      <c r="D43" s="89"/>
      <c r="E43" s="89"/>
      <c r="F43" s="89" t="s">
        <v>39</v>
      </c>
      <c r="G43" s="89"/>
      <c r="H43" s="89"/>
      <c r="I43" s="91">
        <v>0</v>
      </c>
      <c r="J43" s="30"/>
      <c r="K43" s="28"/>
      <c r="L43" s="89"/>
      <c r="M43" s="89"/>
      <c r="N43" s="89"/>
      <c r="O43" s="89"/>
      <c r="P43" s="89"/>
      <c r="Q43" s="89"/>
      <c r="R43" s="91"/>
      <c r="S43" s="95"/>
      <c r="T43" s="8"/>
    </row>
    <row r="44" spans="1:20" ht="22.5" customHeight="1" x14ac:dyDescent="0.4">
      <c r="A44" s="6"/>
      <c r="B44" s="28"/>
      <c r="C44" s="89"/>
      <c r="D44" s="89"/>
      <c r="E44" s="89"/>
      <c r="F44" s="89" t="s">
        <v>40</v>
      </c>
      <c r="G44" s="89"/>
      <c r="H44" s="89"/>
      <c r="I44" s="91">
        <v>0</v>
      </c>
      <c r="J44" s="30"/>
      <c r="K44" s="28"/>
      <c r="L44" s="89"/>
      <c r="M44" s="89"/>
      <c r="N44" s="89"/>
      <c r="O44" s="89"/>
      <c r="P44" s="89"/>
      <c r="Q44" s="89"/>
      <c r="R44" s="91"/>
      <c r="S44" s="95"/>
      <c r="T44" s="8"/>
    </row>
    <row r="45" spans="1:20" ht="22.5" customHeight="1" x14ac:dyDescent="0.4">
      <c r="A45" s="6"/>
      <c r="B45" s="28"/>
      <c r="C45" s="89"/>
      <c r="D45" s="89" t="s">
        <v>44</v>
      </c>
      <c r="E45" s="89"/>
      <c r="F45" s="89"/>
      <c r="G45" s="89"/>
      <c r="H45" s="89"/>
      <c r="I45" s="91">
        <v>1044643</v>
      </c>
      <c r="J45" s="30"/>
      <c r="K45" s="28"/>
      <c r="L45" s="89"/>
      <c r="M45" s="89"/>
      <c r="N45" s="89"/>
      <c r="O45" s="89"/>
      <c r="P45" s="89"/>
      <c r="Q45" s="89"/>
      <c r="R45" s="91"/>
      <c r="S45" s="95"/>
      <c r="T45" s="8"/>
    </row>
    <row r="46" spans="1:20" ht="22.5" customHeight="1" x14ac:dyDescent="0.4">
      <c r="A46" s="6"/>
      <c r="B46" s="28"/>
      <c r="C46" s="89"/>
      <c r="D46" s="89" t="s">
        <v>45</v>
      </c>
      <c r="E46" s="89"/>
      <c r="F46" s="89"/>
      <c r="G46" s="89"/>
      <c r="H46" s="89"/>
      <c r="I46" s="91">
        <v>1306886</v>
      </c>
      <c r="J46" s="30"/>
      <c r="K46" s="28"/>
      <c r="L46" s="89"/>
      <c r="M46" s="89"/>
      <c r="N46" s="89"/>
      <c r="O46" s="89"/>
      <c r="P46" s="89"/>
      <c r="Q46" s="89"/>
      <c r="R46" s="91"/>
      <c r="S46" s="95"/>
      <c r="T46" s="8"/>
    </row>
    <row r="47" spans="1:20" ht="22.5" customHeight="1" x14ac:dyDescent="0.4">
      <c r="A47" s="6"/>
      <c r="B47" s="28"/>
      <c r="C47" s="89"/>
      <c r="D47" s="89" t="s">
        <v>46</v>
      </c>
      <c r="E47" s="89"/>
      <c r="F47" s="89"/>
      <c r="G47" s="89"/>
      <c r="H47" s="89"/>
      <c r="I47" s="91">
        <v>0</v>
      </c>
      <c r="J47" s="30"/>
      <c r="K47" s="28"/>
      <c r="L47" s="89"/>
      <c r="M47" s="89"/>
      <c r="N47" s="89"/>
      <c r="O47" s="89"/>
      <c r="P47" s="89"/>
      <c r="Q47" s="89"/>
      <c r="R47" s="91"/>
      <c r="S47" s="95"/>
      <c r="T47" s="8"/>
    </row>
    <row r="48" spans="1:20" ht="22.5" customHeight="1" x14ac:dyDescent="0.4">
      <c r="A48" s="6"/>
      <c r="B48" s="28"/>
      <c r="C48" s="89"/>
      <c r="D48" s="89" t="s">
        <v>47</v>
      </c>
      <c r="E48" s="89"/>
      <c r="F48" s="89"/>
      <c r="G48" s="89"/>
      <c r="H48" s="89"/>
      <c r="I48" s="91">
        <v>238443471</v>
      </c>
      <c r="J48" s="30"/>
      <c r="K48" s="28"/>
      <c r="L48" s="89"/>
      <c r="M48" s="89"/>
      <c r="N48" s="89"/>
      <c r="O48" s="89"/>
      <c r="P48" s="89"/>
      <c r="Q48" s="89"/>
      <c r="R48" s="91"/>
      <c r="S48" s="95"/>
      <c r="T48" s="8"/>
    </row>
    <row r="49" spans="1:20" ht="22.5" customHeight="1" x14ac:dyDescent="0.4">
      <c r="A49" s="6"/>
      <c r="B49" s="28"/>
      <c r="C49" s="89"/>
      <c r="D49" s="89" t="s">
        <v>82</v>
      </c>
      <c r="E49" s="89"/>
      <c r="F49" s="89"/>
      <c r="G49" s="89"/>
      <c r="H49" s="89"/>
      <c r="I49" s="91">
        <v>2846669397</v>
      </c>
      <c r="J49" s="30"/>
      <c r="K49" s="28"/>
      <c r="L49" s="89"/>
      <c r="M49" s="89"/>
      <c r="N49" s="89"/>
      <c r="O49" s="89"/>
      <c r="P49" s="89"/>
      <c r="Q49" s="89"/>
      <c r="R49" s="91"/>
      <c r="S49" s="95"/>
      <c r="T49" s="8"/>
    </row>
    <row r="50" spans="1:20" ht="22.5" customHeight="1" x14ac:dyDescent="0.4">
      <c r="A50" s="6"/>
      <c r="B50" s="28"/>
      <c r="C50" s="89"/>
      <c r="D50" s="89"/>
      <c r="E50" s="89" t="s">
        <v>83</v>
      </c>
      <c r="F50" s="89"/>
      <c r="G50" s="89"/>
      <c r="H50" s="89"/>
      <c r="I50" s="91">
        <v>0</v>
      </c>
      <c r="J50" s="30"/>
      <c r="K50" s="28"/>
      <c r="L50" s="89"/>
      <c r="M50" s="89"/>
      <c r="N50" s="89"/>
      <c r="O50" s="89"/>
      <c r="P50" s="89"/>
      <c r="Q50" s="89"/>
      <c r="R50" s="91"/>
      <c r="S50" s="95"/>
      <c r="T50" s="8"/>
    </row>
    <row r="51" spans="1:20" ht="22.5" customHeight="1" x14ac:dyDescent="0.4">
      <c r="A51" s="6"/>
      <c r="B51" s="28"/>
      <c r="C51" s="89"/>
      <c r="D51" s="89"/>
      <c r="E51" s="89" t="s">
        <v>84</v>
      </c>
      <c r="F51" s="89"/>
      <c r="G51" s="89"/>
      <c r="H51" s="89"/>
      <c r="I51" s="91">
        <v>2846669397</v>
      </c>
      <c r="J51" s="30"/>
      <c r="K51" s="28"/>
      <c r="L51" s="89"/>
      <c r="M51" s="89"/>
      <c r="N51" s="89"/>
      <c r="O51" s="89"/>
      <c r="P51" s="89"/>
      <c r="Q51" s="89"/>
      <c r="R51" s="91"/>
      <c r="S51" s="95"/>
      <c r="T51" s="8"/>
    </row>
    <row r="52" spans="1:20" ht="22.5" customHeight="1" x14ac:dyDescent="0.4">
      <c r="A52" s="6"/>
      <c r="B52" s="28"/>
      <c r="C52" s="89"/>
      <c r="D52" s="89"/>
      <c r="E52" s="89" t="s">
        <v>85</v>
      </c>
      <c r="F52" s="89"/>
      <c r="G52" s="89"/>
      <c r="H52" s="89"/>
      <c r="I52" s="91">
        <v>0</v>
      </c>
      <c r="J52" s="30"/>
      <c r="K52" s="28"/>
      <c r="L52" s="89"/>
      <c r="M52" s="89"/>
      <c r="N52" s="89"/>
      <c r="O52" s="89"/>
      <c r="P52" s="89"/>
      <c r="Q52" s="89"/>
      <c r="R52" s="91"/>
      <c r="S52" s="95"/>
      <c r="T52" s="8"/>
    </row>
    <row r="53" spans="1:20" ht="22.5" customHeight="1" x14ac:dyDescent="0.4">
      <c r="A53" s="6"/>
      <c r="B53" s="28"/>
      <c r="C53" s="89"/>
      <c r="D53" s="89" t="s">
        <v>48</v>
      </c>
      <c r="E53" s="89"/>
      <c r="F53" s="89"/>
      <c r="G53" s="89"/>
      <c r="H53" s="89"/>
      <c r="I53" s="91">
        <v>0</v>
      </c>
      <c r="J53" s="30"/>
      <c r="K53" s="28"/>
      <c r="L53" s="89"/>
      <c r="M53" s="89"/>
      <c r="N53" s="89"/>
      <c r="O53" s="89"/>
      <c r="P53" s="89"/>
      <c r="Q53" s="89"/>
      <c r="R53" s="91"/>
      <c r="S53" s="95"/>
      <c r="T53" s="8"/>
    </row>
    <row r="54" spans="1:20" ht="22.5" customHeight="1" x14ac:dyDescent="0.4">
      <c r="A54" s="6"/>
      <c r="B54" s="28"/>
      <c r="C54" s="89"/>
      <c r="D54" s="89" t="s">
        <v>76</v>
      </c>
      <c r="E54" s="89"/>
      <c r="F54" s="89"/>
      <c r="G54" s="89"/>
      <c r="H54" s="89"/>
      <c r="I54" s="91">
        <v>0</v>
      </c>
      <c r="J54" s="30"/>
      <c r="K54" s="28"/>
      <c r="L54" s="89"/>
      <c r="M54" s="89"/>
      <c r="N54" s="89"/>
      <c r="O54" s="89"/>
      <c r="P54" s="89"/>
      <c r="Q54" s="89"/>
      <c r="R54" s="91"/>
      <c r="S54" s="95"/>
      <c r="T54" s="8"/>
    </row>
    <row r="55" spans="1:20" ht="22.5" customHeight="1" x14ac:dyDescent="0.4">
      <c r="A55" s="6"/>
      <c r="B55" s="28"/>
      <c r="C55" s="89"/>
      <c r="D55" s="89"/>
      <c r="E55" s="89" t="s">
        <v>78</v>
      </c>
      <c r="F55" s="89"/>
      <c r="G55" s="89"/>
      <c r="H55" s="89"/>
      <c r="I55" s="91">
        <v>0</v>
      </c>
      <c r="J55" s="30"/>
      <c r="K55" s="28"/>
      <c r="L55" s="89"/>
      <c r="M55" s="89"/>
      <c r="N55" s="89"/>
      <c r="O55" s="89"/>
      <c r="P55" s="89"/>
      <c r="Q55" s="89"/>
      <c r="R55" s="91"/>
      <c r="S55" s="95"/>
      <c r="T55" s="8"/>
    </row>
    <row r="56" spans="1:20" ht="22.5" customHeight="1" x14ac:dyDescent="0.4">
      <c r="A56" s="6"/>
      <c r="B56" s="28"/>
      <c r="C56" s="89"/>
      <c r="D56" s="89"/>
      <c r="E56" s="89" t="s">
        <v>86</v>
      </c>
      <c r="F56" s="89"/>
      <c r="G56" s="89"/>
      <c r="H56" s="89"/>
      <c r="I56" s="91">
        <v>0</v>
      </c>
      <c r="J56" s="30"/>
      <c r="K56" s="28"/>
      <c r="L56" s="89"/>
      <c r="M56" s="89"/>
      <c r="N56" s="89"/>
      <c r="O56" s="89"/>
      <c r="P56" s="89"/>
      <c r="Q56" s="89"/>
      <c r="R56" s="91"/>
      <c r="S56" s="95"/>
      <c r="T56" s="8"/>
    </row>
    <row r="57" spans="1:20" ht="22.5" customHeight="1" x14ac:dyDescent="0.4">
      <c r="A57" s="6"/>
      <c r="B57" s="28"/>
      <c r="C57" s="89"/>
      <c r="D57" s="89" t="s">
        <v>75</v>
      </c>
      <c r="E57" s="89"/>
      <c r="F57" s="89"/>
      <c r="G57" s="89"/>
      <c r="H57" s="89"/>
      <c r="I57" s="91">
        <v>0</v>
      </c>
      <c r="J57" s="30"/>
      <c r="K57" s="28"/>
      <c r="L57" s="89"/>
      <c r="M57" s="89"/>
      <c r="N57" s="89"/>
      <c r="O57" s="89"/>
      <c r="P57" s="89"/>
      <c r="Q57" s="89"/>
      <c r="R57" s="91"/>
      <c r="S57" s="95"/>
      <c r="T57" s="8"/>
    </row>
    <row r="58" spans="1:20" ht="22.5" customHeight="1" x14ac:dyDescent="0.4">
      <c r="A58" s="6"/>
      <c r="B58" s="28"/>
      <c r="C58" s="89"/>
      <c r="D58" s="89" t="s">
        <v>87</v>
      </c>
      <c r="E58" s="89"/>
      <c r="F58" s="89"/>
      <c r="G58" s="89"/>
      <c r="H58" s="89"/>
      <c r="I58" s="91">
        <v>0</v>
      </c>
      <c r="J58" s="30"/>
      <c r="K58" s="28"/>
      <c r="L58" s="89"/>
      <c r="M58" s="89"/>
      <c r="N58" s="89"/>
      <c r="O58" s="89"/>
      <c r="P58" s="89"/>
      <c r="Q58" s="89"/>
      <c r="R58" s="91"/>
      <c r="S58" s="95"/>
      <c r="T58" s="8"/>
    </row>
    <row r="59" spans="1:20" ht="22.5" customHeight="1" x14ac:dyDescent="0.4">
      <c r="A59" s="6"/>
      <c r="B59" s="28"/>
      <c r="C59" s="89"/>
      <c r="D59" s="89" t="s">
        <v>75</v>
      </c>
      <c r="E59" s="89"/>
      <c r="F59" s="89"/>
      <c r="G59" s="89"/>
      <c r="H59" s="89"/>
      <c r="I59" s="91">
        <v>0</v>
      </c>
      <c r="J59" s="30"/>
      <c r="K59" s="28"/>
      <c r="L59" s="89"/>
      <c r="M59" s="89"/>
      <c r="N59" s="89"/>
      <c r="O59" s="89"/>
      <c r="P59" s="89"/>
      <c r="Q59" s="89"/>
      <c r="R59" s="91"/>
      <c r="S59" s="95"/>
      <c r="T59" s="8"/>
    </row>
    <row r="60" spans="1:20" ht="22.5" customHeight="1" x14ac:dyDescent="0.4">
      <c r="A60" s="6"/>
      <c r="B60" s="28"/>
      <c r="C60" s="89"/>
      <c r="D60" s="89" t="s">
        <v>88</v>
      </c>
      <c r="E60" s="89"/>
      <c r="F60" s="89"/>
      <c r="G60" s="89"/>
      <c r="H60" s="89"/>
      <c r="I60" s="91">
        <v>3115600</v>
      </c>
      <c r="J60" s="30"/>
      <c r="K60" s="28"/>
      <c r="L60" s="89"/>
      <c r="M60" s="89"/>
      <c r="N60" s="89"/>
      <c r="O60" s="89"/>
      <c r="P60" s="89"/>
      <c r="Q60" s="89"/>
      <c r="R60" s="91"/>
      <c r="S60" s="95"/>
      <c r="T60" s="8"/>
    </row>
    <row r="61" spans="1:20" ht="22.5" customHeight="1" x14ac:dyDescent="0.4">
      <c r="A61" s="6"/>
      <c r="B61" s="28"/>
      <c r="C61" s="89"/>
      <c r="D61" s="89" t="s">
        <v>75</v>
      </c>
      <c r="E61" s="89"/>
      <c r="F61" s="89"/>
      <c r="G61" s="89"/>
      <c r="H61" s="89"/>
      <c r="I61" s="90">
        <v>0</v>
      </c>
      <c r="J61" s="30"/>
      <c r="K61" s="81" t="s">
        <v>110</v>
      </c>
      <c r="L61" s="82"/>
      <c r="M61" s="83"/>
      <c r="N61" s="83"/>
      <c r="O61" s="83"/>
      <c r="P61" s="83"/>
      <c r="Q61" s="83"/>
      <c r="R61" s="84">
        <v>15075168083</v>
      </c>
      <c r="S61" s="88"/>
      <c r="T61" s="8"/>
    </row>
    <row r="62" spans="1:20" ht="22.5" customHeight="1" x14ac:dyDescent="0.4">
      <c r="A62" s="6"/>
      <c r="B62" s="81" t="s">
        <v>109</v>
      </c>
      <c r="C62" s="82"/>
      <c r="D62" s="83"/>
      <c r="E62" s="83"/>
      <c r="F62" s="83"/>
      <c r="G62" s="83"/>
      <c r="H62" s="83"/>
      <c r="I62" s="84">
        <v>16196455759</v>
      </c>
      <c r="J62" s="85"/>
      <c r="K62" s="81" t="s">
        <v>111</v>
      </c>
      <c r="L62" s="83"/>
      <c r="M62" s="83"/>
      <c r="N62" s="83"/>
      <c r="O62" s="83"/>
      <c r="P62" s="83"/>
      <c r="Q62" s="83"/>
      <c r="R62" s="84">
        <v>16196455759</v>
      </c>
      <c r="S62" s="88"/>
      <c r="T62" s="8"/>
    </row>
    <row r="63" spans="1:20" ht="22.5" customHeight="1" x14ac:dyDescent="0.4">
      <c r="A63" s="6"/>
      <c r="B63" s="21"/>
      <c r="C63" s="21"/>
      <c r="D63" s="21"/>
      <c r="E63" s="21"/>
      <c r="F63" s="21"/>
      <c r="G63" s="21"/>
      <c r="H63" s="21"/>
      <c r="I63" s="24"/>
      <c r="K63" s="21"/>
      <c r="L63" s="21"/>
      <c r="M63" s="21"/>
      <c r="N63" s="21"/>
      <c r="O63" s="21"/>
      <c r="P63" s="21"/>
      <c r="Q63" s="21"/>
      <c r="R63" s="24"/>
      <c r="S63" s="24"/>
      <c r="T63" s="8"/>
    </row>
    <row r="64" spans="1:20" ht="22.5" customHeight="1" x14ac:dyDescent="0.4">
      <c r="A64" s="6"/>
      <c r="I64" s="24"/>
      <c r="R64" s="24"/>
      <c r="S64" s="24"/>
      <c r="T64" s="8"/>
    </row>
    <row r="65" spans="1:20" ht="22.5" customHeight="1" x14ac:dyDescent="0.4">
      <c r="A65" s="4"/>
      <c r="B65" s="4"/>
      <c r="C65" s="4"/>
      <c r="D65" s="4"/>
      <c r="E65" s="4"/>
      <c r="F65" s="4"/>
      <c r="G65" s="4"/>
      <c r="H65" s="4"/>
      <c r="I65" s="25"/>
      <c r="J65" s="4"/>
      <c r="K65" s="4"/>
      <c r="L65" s="4"/>
      <c r="M65" s="4"/>
      <c r="N65" s="4"/>
      <c r="O65" s="4"/>
      <c r="P65" s="4"/>
      <c r="Q65" s="4"/>
      <c r="R65" s="25"/>
      <c r="S65" s="25"/>
      <c r="T65" s="4"/>
    </row>
    <row r="66" spans="1:20" ht="22.5" customHeight="1" x14ac:dyDescent="0.4">
      <c r="I66" s="26"/>
      <c r="R66" s="26"/>
      <c r="S66" s="26"/>
    </row>
    <row r="67" spans="1:20" ht="22.5" customHeight="1" x14ac:dyDescent="0.4">
      <c r="I67" s="26"/>
      <c r="R67" s="26"/>
      <c r="S67" s="26"/>
    </row>
    <row r="68" spans="1:20" ht="22.5" customHeight="1" x14ac:dyDescent="0.4">
      <c r="I68" s="26"/>
      <c r="R68" s="26"/>
      <c r="S68" s="26"/>
    </row>
    <row r="69" spans="1:20" ht="22.5" customHeight="1" x14ac:dyDescent="0.4">
      <c r="I69" s="26"/>
      <c r="R69" s="26"/>
      <c r="S69" s="26"/>
    </row>
    <row r="70" spans="1:20" ht="22.5" customHeight="1" x14ac:dyDescent="0.4">
      <c r="I70" s="26"/>
      <c r="R70" s="26"/>
      <c r="S70" s="26"/>
    </row>
    <row r="71" spans="1:20" ht="22.5" customHeight="1" x14ac:dyDescent="0.4">
      <c r="I71" s="26"/>
      <c r="R71" s="26"/>
      <c r="S71" s="26"/>
    </row>
    <row r="72" spans="1:20" ht="22.5" customHeight="1" x14ac:dyDescent="0.4">
      <c r="I72" s="26"/>
      <c r="R72" s="26"/>
      <c r="S72" s="26"/>
    </row>
    <row r="73" spans="1:20" ht="22.5" customHeight="1" x14ac:dyDescent="0.4">
      <c r="I73" s="26"/>
      <c r="R73" s="26"/>
      <c r="S73" s="26"/>
    </row>
    <row r="74" spans="1:20" ht="22.5" customHeight="1" x14ac:dyDescent="0.4">
      <c r="I74" s="26"/>
      <c r="R74" s="26"/>
      <c r="S74" s="26"/>
    </row>
    <row r="75" spans="1:20" ht="22.5" customHeight="1" x14ac:dyDescent="0.4">
      <c r="I75" s="26"/>
      <c r="R75" s="26"/>
      <c r="S75" s="26"/>
    </row>
    <row r="76" spans="1:20" ht="22.5" customHeight="1" x14ac:dyDescent="0.4">
      <c r="I76" s="26"/>
      <c r="R76" s="26"/>
      <c r="S76" s="26"/>
    </row>
    <row r="77" spans="1:20" ht="22.5" customHeight="1" x14ac:dyDescent="0.4">
      <c r="I77" s="26"/>
      <c r="R77" s="26"/>
      <c r="S77" s="26"/>
    </row>
    <row r="78" spans="1:20" ht="22.5" customHeight="1" x14ac:dyDescent="0.4">
      <c r="I78" s="26"/>
      <c r="R78" s="26"/>
      <c r="S78" s="26"/>
    </row>
    <row r="79" spans="1:20" ht="22.5" customHeight="1" x14ac:dyDescent="0.4">
      <c r="I79" s="26"/>
      <c r="R79" s="26"/>
      <c r="S79" s="26"/>
    </row>
    <row r="80" spans="1:20" ht="22.5" customHeight="1" x14ac:dyDescent="0.4">
      <c r="I80" s="26"/>
      <c r="R80" s="26"/>
      <c r="S80" s="26"/>
    </row>
    <row r="81" spans="9:19" ht="22.5" customHeight="1" x14ac:dyDescent="0.4">
      <c r="I81" s="26"/>
      <c r="R81" s="26"/>
      <c r="S81" s="26"/>
    </row>
    <row r="82" spans="9:19" ht="22.5" customHeight="1" x14ac:dyDescent="0.4">
      <c r="I82" s="26"/>
      <c r="R82" s="26"/>
      <c r="S82" s="26"/>
    </row>
    <row r="83" spans="9:19" ht="22.5" customHeight="1" x14ac:dyDescent="0.4">
      <c r="I83" s="26"/>
      <c r="R83" s="26"/>
      <c r="S83" s="26"/>
    </row>
    <row r="84" spans="9:19" ht="22.5" customHeight="1" x14ac:dyDescent="0.4">
      <c r="I84" s="26"/>
      <c r="R84" s="26"/>
      <c r="S84" s="26"/>
    </row>
    <row r="85" spans="9:19" ht="22.5" customHeight="1" x14ac:dyDescent="0.4">
      <c r="I85" s="26"/>
      <c r="R85" s="26"/>
      <c r="S85" s="26"/>
    </row>
    <row r="86" spans="9:19" ht="22.5" customHeight="1" x14ac:dyDescent="0.4">
      <c r="I86" s="26"/>
      <c r="R86" s="26"/>
      <c r="S86" s="26"/>
    </row>
    <row r="87" spans="9:19" ht="22.5" customHeight="1" x14ac:dyDescent="0.4">
      <c r="I87" s="26"/>
      <c r="R87" s="26"/>
      <c r="S87" s="26"/>
    </row>
    <row r="88" spans="9:19" ht="22.5" customHeight="1" x14ac:dyDescent="0.4">
      <c r="I88" s="26"/>
      <c r="R88" s="26"/>
      <c r="S88" s="26"/>
    </row>
    <row r="89" spans="9:19" ht="22.5" customHeight="1" x14ac:dyDescent="0.4">
      <c r="I89" s="26"/>
      <c r="R89" s="26"/>
      <c r="S89" s="26"/>
    </row>
    <row r="90" spans="9:19" ht="22.5" customHeight="1" x14ac:dyDescent="0.4">
      <c r="I90" s="26"/>
      <c r="R90" s="26"/>
      <c r="S90" s="26"/>
    </row>
    <row r="91" spans="9:19" ht="22.5" customHeight="1" x14ac:dyDescent="0.4">
      <c r="I91" s="26"/>
      <c r="R91" s="26"/>
      <c r="S91" s="26"/>
    </row>
    <row r="92" spans="9:19" ht="22.5" customHeight="1" x14ac:dyDescent="0.4">
      <c r="I92" s="26"/>
      <c r="R92" s="26"/>
      <c r="S92" s="26"/>
    </row>
    <row r="93" spans="9:19" ht="22.5" customHeight="1" x14ac:dyDescent="0.4">
      <c r="I93" s="26"/>
      <c r="R93" s="26"/>
      <c r="S93" s="26"/>
    </row>
    <row r="94" spans="9:19" ht="22.5" customHeight="1" x14ac:dyDescent="0.4">
      <c r="I94" s="26"/>
      <c r="R94" s="26"/>
      <c r="S94" s="26"/>
    </row>
    <row r="95" spans="9:19" ht="22.5" customHeight="1" x14ac:dyDescent="0.4">
      <c r="I95" s="26"/>
      <c r="R95" s="26"/>
      <c r="S95" s="26"/>
    </row>
    <row r="96" spans="9:19" ht="22.5" customHeight="1" x14ac:dyDescent="0.4">
      <c r="I96" s="26"/>
      <c r="R96" s="26"/>
      <c r="S96" s="26"/>
    </row>
    <row r="97" spans="9:19" ht="22.5" customHeight="1" x14ac:dyDescent="0.4">
      <c r="I97" s="26"/>
      <c r="R97" s="26"/>
      <c r="S97" s="26"/>
    </row>
    <row r="98" spans="9:19" ht="22.5" customHeight="1" x14ac:dyDescent="0.4">
      <c r="I98" s="26"/>
      <c r="R98" s="26"/>
      <c r="S98" s="26"/>
    </row>
    <row r="99" spans="9:19" ht="22.5" customHeight="1" x14ac:dyDescent="0.4">
      <c r="I99" s="26"/>
      <c r="R99" s="26"/>
      <c r="S99" s="26"/>
    </row>
    <row r="100" spans="9:19" ht="22.5" customHeight="1" x14ac:dyDescent="0.4">
      <c r="I100" s="26"/>
      <c r="R100" s="26"/>
      <c r="S100" s="26"/>
    </row>
    <row r="101" spans="9:19" ht="22.5" customHeight="1" x14ac:dyDescent="0.4">
      <c r="I101" s="26"/>
      <c r="R101" s="26"/>
      <c r="S101" s="26"/>
    </row>
    <row r="102" spans="9:19" ht="22.5" customHeight="1" x14ac:dyDescent="0.4">
      <c r="I102" s="26"/>
      <c r="R102" s="26"/>
      <c r="S102" s="26"/>
    </row>
    <row r="103" spans="9:19" ht="22.5" customHeight="1" x14ac:dyDescent="0.4">
      <c r="I103" s="26"/>
      <c r="R103" s="26"/>
      <c r="S103" s="26"/>
    </row>
    <row r="104" spans="9:19" ht="22.5" customHeight="1" x14ac:dyDescent="0.4">
      <c r="I104" s="26"/>
      <c r="R104" s="26"/>
      <c r="S104" s="26"/>
    </row>
    <row r="105" spans="9:19" ht="22.5" customHeight="1" x14ac:dyDescent="0.4">
      <c r="I105" s="26"/>
      <c r="R105" s="26"/>
      <c r="S105" s="26"/>
    </row>
    <row r="106" spans="9:19" ht="22.5" customHeight="1" x14ac:dyDescent="0.4">
      <c r="I106" s="26"/>
      <c r="R106" s="26"/>
      <c r="S106" s="26"/>
    </row>
    <row r="107" spans="9:19" ht="22.5" customHeight="1" x14ac:dyDescent="0.4">
      <c r="I107" s="26"/>
      <c r="R107" s="26"/>
      <c r="S107" s="26"/>
    </row>
    <row r="108" spans="9:19" ht="22.5" customHeight="1" x14ac:dyDescent="0.4">
      <c r="I108" s="26"/>
      <c r="R108" s="26"/>
      <c r="S108" s="26"/>
    </row>
    <row r="109" spans="9:19" ht="22.5" customHeight="1" x14ac:dyDescent="0.4">
      <c r="I109" s="26"/>
      <c r="R109" s="26"/>
      <c r="S109" s="26"/>
    </row>
    <row r="110" spans="9:19" ht="22.5" customHeight="1" x14ac:dyDescent="0.4">
      <c r="I110" s="26"/>
      <c r="R110" s="26"/>
      <c r="S110" s="26"/>
    </row>
    <row r="111" spans="9:19" ht="22.5" customHeight="1" x14ac:dyDescent="0.4">
      <c r="I111" s="26"/>
      <c r="R111" s="26"/>
      <c r="S111" s="26"/>
    </row>
    <row r="112" spans="9:19" ht="22.5" customHeight="1" x14ac:dyDescent="0.4">
      <c r="I112" s="26"/>
      <c r="R112" s="26"/>
      <c r="S112" s="26"/>
    </row>
    <row r="113" spans="9:19" ht="22.5" customHeight="1" x14ac:dyDescent="0.4">
      <c r="I113" s="26"/>
      <c r="R113" s="26"/>
      <c r="S113" s="26"/>
    </row>
    <row r="114" spans="9:19" ht="22.5" customHeight="1" x14ac:dyDescent="0.4">
      <c r="I114" s="26"/>
      <c r="R114" s="26"/>
      <c r="S114" s="26"/>
    </row>
    <row r="115" spans="9:19" ht="22.5" customHeight="1" x14ac:dyDescent="0.4">
      <c r="I115" s="26"/>
      <c r="R115" s="26"/>
      <c r="S115" s="26"/>
    </row>
    <row r="116" spans="9:19" ht="22.5" customHeight="1" x14ac:dyDescent="0.4">
      <c r="I116" s="26"/>
      <c r="R116" s="26"/>
      <c r="S116" s="26"/>
    </row>
    <row r="117" spans="9:19" ht="22.5" customHeight="1" x14ac:dyDescent="0.4">
      <c r="I117" s="26"/>
      <c r="R117" s="26"/>
      <c r="S117" s="26"/>
    </row>
    <row r="118" spans="9:19" ht="22.5" customHeight="1" x14ac:dyDescent="0.4">
      <c r="I118" s="26"/>
      <c r="R118" s="26"/>
      <c r="S118" s="26"/>
    </row>
    <row r="119" spans="9:19" ht="22.5" customHeight="1" x14ac:dyDescent="0.4">
      <c r="I119" s="26"/>
      <c r="R119" s="26"/>
      <c r="S119" s="26"/>
    </row>
    <row r="120" spans="9:19" ht="22.5" customHeight="1" x14ac:dyDescent="0.4">
      <c r="I120" s="26"/>
      <c r="R120" s="26"/>
      <c r="S120" s="26"/>
    </row>
    <row r="121" spans="9:19" ht="22.5" customHeight="1" x14ac:dyDescent="0.4">
      <c r="I121" s="26"/>
      <c r="R121" s="26"/>
      <c r="S121" s="26"/>
    </row>
    <row r="122" spans="9:19" ht="22.5" customHeight="1" x14ac:dyDescent="0.4">
      <c r="I122" s="26"/>
      <c r="R122" s="26"/>
      <c r="S122" s="26"/>
    </row>
    <row r="123" spans="9:19" ht="22.5" customHeight="1" x14ac:dyDescent="0.4">
      <c r="I123" s="26"/>
      <c r="R123" s="26"/>
      <c r="S123" s="26"/>
    </row>
    <row r="124" spans="9:19" ht="22.5" customHeight="1" x14ac:dyDescent="0.4">
      <c r="I124" s="26"/>
      <c r="R124" s="26"/>
      <c r="S124" s="26"/>
    </row>
    <row r="125" spans="9:19" ht="22.5" customHeight="1" x14ac:dyDescent="0.4">
      <c r="I125" s="26"/>
      <c r="R125" s="26"/>
      <c r="S125" s="26"/>
    </row>
    <row r="126" spans="9:19" ht="22.5" customHeight="1" x14ac:dyDescent="0.4">
      <c r="I126" s="26"/>
      <c r="R126" s="26"/>
      <c r="S126" s="26"/>
    </row>
    <row r="127" spans="9:19" ht="22.5" customHeight="1" x14ac:dyDescent="0.4">
      <c r="I127" s="26"/>
      <c r="R127" s="26"/>
      <c r="S127" s="26"/>
    </row>
    <row r="128" spans="9:19" ht="22.5" customHeight="1" x14ac:dyDescent="0.4">
      <c r="I128" s="26"/>
      <c r="R128" s="26"/>
      <c r="S128" s="26"/>
    </row>
    <row r="129" spans="9:19" ht="22.5" customHeight="1" x14ac:dyDescent="0.4">
      <c r="I129" s="26"/>
      <c r="R129" s="26"/>
      <c r="S129" s="26"/>
    </row>
    <row r="130" spans="9:19" ht="22.5" customHeight="1" x14ac:dyDescent="0.4">
      <c r="I130" s="26"/>
      <c r="R130" s="26"/>
      <c r="S130" s="26"/>
    </row>
    <row r="131" spans="9:19" ht="22.5" customHeight="1" x14ac:dyDescent="0.4">
      <c r="I131" s="26"/>
      <c r="R131" s="26"/>
      <c r="S131" s="26"/>
    </row>
    <row r="132" spans="9:19" ht="22.5" customHeight="1" x14ac:dyDescent="0.4">
      <c r="I132" s="26"/>
      <c r="R132" s="26"/>
      <c r="S132" s="26"/>
    </row>
    <row r="133" spans="9:19" ht="22.5" customHeight="1" x14ac:dyDescent="0.4">
      <c r="I133" s="26"/>
      <c r="R133" s="26"/>
      <c r="S133" s="26"/>
    </row>
    <row r="134" spans="9:19" ht="22.5" customHeight="1" x14ac:dyDescent="0.4">
      <c r="I134" s="26"/>
      <c r="R134" s="26"/>
      <c r="S134" s="26"/>
    </row>
    <row r="135" spans="9:19" ht="22.5" customHeight="1" x14ac:dyDescent="0.4">
      <c r="I135" s="26"/>
      <c r="R135" s="26"/>
      <c r="S135" s="26"/>
    </row>
    <row r="136" spans="9:19" ht="22.5" customHeight="1" x14ac:dyDescent="0.4">
      <c r="I136" s="26"/>
      <c r="R136" s="26"/>
      <c r="S136" s="26"/>
    </row>
    <row r="137" spans="9:19" ht="22.5" customHeight="1" x14ac:dyDescent="0.4">
      <c r="I137" s="26"/>
      <c r="R137" s="26"/>
      <c r="S137" s="26"/>
    </row>
    <row r="138" spans="9:19" ht="22.5" customHeight="1" x14ac:dyDescent="0.4">
      <c r="I138" s="26"/>
      <c r="R138" s="26"/>
      <c r="S138" s="26"/>
    </row>
    <row r="139" spans="9:19" ht="22.5" customHeight="1" x14ac:dyDescent="0.4">
      <c r="I139" s="26"/>
      <c r="R139" s="26"/>
      <c r="S139" s="26"/>
    </row>
    <row r="140" spans="9:19" ht="22.5" customHeight="1" x14ac:dyDescent="0.4">
      <c r="I140" s="26"/>
      <c r="R140" s="26"/>
      <c r="S140" s="26"/>
    </row>
    <row r="141" spans="9:19" ht="22.5" customHeight="1" x14ac:dyDescent="0.4">
      <c r="I141" s="26"/>
      <c r="R141" s="26"/>
      <c r="S141" s="26"/>
    </row>
    <row r="142" spans="9:19" ht="22.5" customHeight="1" x14ac:dyDescent="0.4">
      <c r="I142" s="26"/>
      <c r="R142" s="26"/>
      <c r="S142" s="26"/>
    </row>
    <row r="143" spans="9:19" ht="22.5" customHeight="1" x14ac:dyDescent="0.4">
      <c r="I143" s="26"/>
      <c r="R143" s="26"/>
      <c r="S143" s="26"/>
    </row>
    <row r="144" spans="9:19" ht="22.5" customHeight="1" x14ac:dyDescent="0.4">
      <c r="I144" s="26"/>
      <c r="R144" s="26"/>
      <c r="S144" s="26"/>
    </row>
    <row r="145" spans="9:19" ht="22.5" customHeight="1" x14ac:dyDescent="0.4">
      <c r="I145" s="26"/>
      <c r="R145" s="26"/>
      <c r="S145" s="26"/>
    </row>
    <row r="146" spans="9:19" ht="22.5" customHeight="1" x14ac:dyDescent="0.4">
      <c r="I146" s="26"/>
      <c r="R146" s="26"/>
      <c r="S146" s="26"/>
    </row>
    <row r="147" spans="9:19" ht="22.5" customHeight="1" x14ac:dyDescent="0.4">
      <c r="I147" s="26"/>
      <c r="R147" s="26"/>
      <c r="S147" s="26"/>
    </row>
    <row r="148" spans="9:19" ht="22.5" customHeight="1" x14ac:dyDescent="0.4">
      <c r="I148" s="26"/>
      <c r="R148" s="26"/>
      <c r="S148" s="26"/>
    </row>
    <row r="149" spans="9:19" ht="22.5" customHeight="1" x14ac:dyDescent="0.4">
      <c r="I149" s="26"/>
      <c r="R149" s="26"/>
      <c r="S149" s="26"/>
    </row>
    <row r="150" spans="9:19" ht="22.5" customHeight="1" x14ac:dyDescent="0.4">
      <c r="I150" s="26"/>
      <c r="R150" s="26"/>
      <c r="S150" s="26"/>
    </row>
    <row r="151" spans="9:19" ht="22.5" customHeight="1" x14ac:dyDescent="0.4">
      <c r="I151" s="26"/>
      <c r="R151" s="26"/>
      <c r="S151" s="26"/>
    </row>
    <row r="152" spans="9:19" ht="22.5" customHeight="1" x14ac:dyDescent="0.4">
      <c r="I152" s="26"/>
      <c r="R152" s="26"/>
      <c r="S152" s="26"/>
    </row>
    <row r="153" spans="9:19" ht="22.5" customHeight="1" x14ac:dyDescent="0.4">
      <c r="I153" s="26"/>
      <c r="R153" s="26"/>
      <c r="S153" s="26"/>
    </row>
    <row r="154" spans="9:19" ht="22.5" customHeight="1" x14ac:dyDescent="0.4">
      <c r="I154" s="26"/>
      <c r="R154" s="26"/>
      <c r="S154" s="26"/>
    </row>
    <row r="155" spans="9:19" ht="22.5" customHeight="1" x14ac:dyDescent="0.4">
      <c r="I155" s="26"/>
      <c r="R155" s="26"/>
      <c r="S155" s="26"/>
    </row>
    <row r="156" spans="9:19" ht="22.5" customHeight="1" x14ac:dyDescent="0.4">
      <c r="I156" s="26"/>
      <c r="R156" s="26"/>
      <c r="S156" s="26"/>
    </row>
    <row r="157" spans="9:19" ht="22.5" customHeight="1" x14ac:dyDescent="0.4">
      <c r="I157" s="26"/>
      <c r="R157" s="26"/>
      <c r="S157" s="26"/>
    </row>
    <row r="158" spans="9:19" ht="22.5" customHeight="1" x14ac:dyDescent="0.4">
      <c r="I158" s="26"/>
      <c r="R158" s="26"/>
      <c r="S158" s="26"/>
    </row>
    <row r="159" spans="9:19" ht="22.5" customHeight="1" x14ac:dyDescent="0.4">
      <c r="I159" s="26"/>
      <c r="R159" s="26"/>
      <c r="S159" s="26"/>
    </row>
    <row r="160" spans="9:19" ht="22.5" customHeight="1" x14ac:dyDescent="0.4">
      <c r="I160" s="26"/>
      <c r="R160" s="26"/>
      <c r="S160" s="26"/>
    </row>
    <row r="161" spans="9:19" ht="22.5" customHeight="1" x14ac:dyDescent="0.4">
      <c r="I161" s="26"/>
      <c r="R161" s="26"/>
      <c r="S161" s="26"/>
    </row>
    <row r="162" spans="9:19" ht="22.5" customHeight="1" x14ac:dyDescent="0.4">
      <c r="I162" s="26"/>
      <c r="R162" s="26"/>
      <c r="S162" s="26"/>
    </row>
    <row r="163" spans="9:19" ht="22.5" customHeight="1" x14ac:dyDescent="0.4">
      <c r="I163" s="26"/>
      <c r="R163" s="26"/>
      <c r="S163" s="26"/>
    </row>
    <row r="164" spans="9:19" ht="22.5" customHeight="1" x14ac:dyDescent="0.4">
      <c r="I164" s="26"/>
      <c r="R164" s="26"/>
      <c r="S164" s="26"/>
    </row>
    <row r="165" spans="9:19" ht="22.5" customHeight="1" x14ac:dyDescent="0.4">
      <c r="I165" s="26"/>
      <c r="R165" s="26"/>
      <c r="S165" s="26"/>
    </row>
    <row r="166" spans="9:19" ht="22.5" customHeight="1" x14ac:dyDescent="0.4">
      <c r="I166" s="26"/>
      <c r="R166" s="26"/>
      <c r="S166" s="26"/>
    </row>
    <row r="167" spans="9:19" ht="22.5" customHeight="1" x14ac:dyDescent="0.4">
      <c r="I167" s="26"/>
      <c r="R167" s="26"/>
      <c r="S167" s="26"/>
    </row>
    <row r="168" spans="9:19" ht="22.5" customHeight="1" x14ac:dyDescent="0.4">
      <c r="I168" s="26"/>
      <c r="R168" s="26"/>
      <c r="S168" s="26"/>
    </row>
    <row r="169" spans="9:19" ht="22.5" customHeight="1" x14ac:dyDescent="0.4">
      <c r="I169" s="26"/>
      <c r="R169" s="26"/>
      <c r="S169" s="26"/>
    </row>
    <row r="170" spans="9:19" ht="22.5" customHeight="1" x14ac:dyDescent="0.4">
      <c r="I170" s="26"/>
      <c r="R170" s="26"/>
      <c r="S170" s="26"/>
    </row>
    <row r="171" spans="9:19" ht="22.5" customHeight="1" x14ac:dyDescent="0.4">
      <c r="I171" s="26"/>
      <c r="R171" s="26"/>
      <c r="S171" s="26"/>
    </row>
    <row r="172" spans="9:19" ht="22.5" customHeight="1" x14ac:dyDescent="0.4">
      <c r="I172" s="26"/>
      <c r="R172" s="26"/>
      <c r="S172" s="26"/>
    </row>
    <row r="173" spans="9:19" ht="22.5" customHeight="1" x14ac:dyDescent="0.4">
      <c r="I173" s="26"/>
      <c r="R173" s="26"/>
      <c r="S173" s="26"/>
    </row>
    <row r="174" spans="9:19" ht="22.5" customHeight="1" x14ac:dyDescent="0.4">
      <c r="I174" s="26"/>
      <c r="R174" s="26"/>
      <c r="S174" s="26"/>
    </row>
    <row r="175" spans="9:19" ht="22.5" customHeight="1" x14ac:dyDescent="0.4">
      <c r="I175" s="26"/>
      <c r="R175" s="26"/>
      <c r="S175" s="26"/>
    </row>
    <row r="176" spans="9:19" ht="22.5" customHeight="1" x14ac:dyDescent="0.4">
      <c r="I176" s="26"/>
      <c r="R176" s="26"/>
      <c r="S176" s="26"/>
    </row>
    <row r="177" spans="9:19" ht="22.5" customHeight="1" x14ac:dyDescent="0.4">
      <c r="I177" s="26"/>
      <c r="R177" s="26"/>
      <c r="S177" s="26"/>
    </row>
    <row r="178" spans="9:19" ht="22.5" customHeight="1" x14ac:dyDescent="0.4">
      <c r="I178" s="26"/>
      <c r="R178" s="26"/>
      <c r="S178" s="26"/>
    </row>
    <row r="179" spans="9:19" ht="22.5" customHeight="1" x14ac:dyDescent="0.4">
      <c r="I179" s="26"/>
      <c r="R179" s="26"/>
      <c r="S179" s="26"/>
    </row>
    <row r="180" spans="9:19" ht="22.5" customHeight="1" x14ac:dyDescent="0.4">
      <c r="I180" s="26"/>
      <c r="R180" s="26"/>
      <c r="S180" s="26"/>
    </row>
    <row r="181" spans="9:19" ht="22.5" customHeight="1" x14ac:dyDescent="0.4">
      <c r="I181" s="26"/>
      <c r="R181" s="26"/>
      <c r="S181" s="26"/>
    </row>
    <row r="182" spans="9:19" ht="22.5" customHeight="1" x14ac:dyDescent="0.4">
      <c r="I182" s="26"/>
      <c r="R182" s="26"/>
      <c r="S182" s="26"/>
    </row>
    <row r="183" spans="9:19" ht="22.5" customHeight="1" x14ac:dyDescent="0.4">
      <c r="I183" s="26"/>
      <c r="R183" s="26"/>
      <c r="S183" s="26"/>
    </row>
    <row r="184" spans="9:19" ht="22.5" customHeight="1" x14ac:dyDescent="0.4">
      <c r="I184" s="26"/>
      <c r="R184" s="26"/>
      <c r="S184" s="26"/>
    </row>
    <row r="185" spans="9:19" ht="22.5" customHeight="1" x14ac:dyDescent="0.4">
      <c r="I185" s="26"/>
      <c r="R185" s="26"/>
      <c r="S185" s="26"/>
    </row>
    <row r="186" spans="9:19" ht="22.5" customHeight="1" x14ac:dyDescent="0.4">
      <c r="I186" s="26"/>
      <c r="R186" s="26"/>
      <c r="S186" s="26"/>
    </row>
    <row r="187" spans="9:19" ht="22.5" customHeight="1" x14ac:dyDescent="0.4">
      <c r="I187" s="26"/>
      <c r="R187" s="26"/>
      <c r="S187" s="26"/>
    </row>
    <row r="188" spans="9:19" ht="22.5" customHeight="1" x14ac:dyDescent="0.4">
      <c r="I188" s="26"/>
      <c r="R188" s="26"/>
      <c r="S188" s="26"/>
    </row>
    <row r="189" spans="9:19" ht="22.5" customHeight="1" x14ac:dyDescent="0.4">
      <c r="I189" s="26"/>
      <c r="R189" s="26"/>
      <c r="S189" s="26"/>
    </row>
    <row r="190" spans="9:19" ht="22.5" customHeight="1" x14ac:dyDescent="0.4">
      <c r="I190" s="26"/>
      <c r="R190" s="26"/>
      <c r="S190" s="26"/>
    </row>
    <row r="191" spans="9:19" ht="22.5" customHeight="1" x14ac:dyDescent="0.4">
      <c r="I191" s="26"/>
      <c r="R191" s="26"/>
      <c r="S191" s="26"/>
    </row>
    <row r="192" spans="9:19" ht="22.5" customHeight="1" x14ac:dyDescent="0.4">
      <c r="I192" s="26"/>
      <c r="R192" s="26"/>
      <c r="S192" s="26"/>
    </row>
    <row r="193" spans="9:19" ht="22.5" customHeight="1" x14ac:dyDescent="0.4">
      <c r="I193" s="26"/>
      <c r="R193" s="26"/>
      <c r="S193" s="26"/>
    </row>
    <row r="194" spans="9:19" ht="22.5" customHeight="1" x14ac:dyDescent="0.4">
      <c r="I194" s="26"/>
      <c r="R194" s="26"/>
      <c r="S194" s="26"/>
    </row>
  </sheetData>
  <sheetProtection selectLockedCells="1" selectUnlockedCells="1"/>
  <mergeCells count="5">
    <mergeCell ref="B6:R6"/>
    <mergeCell ref="B7:R7"/>
    <mergeCell ref="K8:M8"/>
    <mergeCell ref="N8:P8"/>
    <mergeCell ref="B9:D9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49" orientation="portrait" blackAndWhite="1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134AA69-C7FF-4483-8C74-C69187727B15}">
  <sheetPr codeName="Sheet12"/>
  <dimension ref="A1:M192"/>
  <sheetViews>
    <sheetView showGridLines="0" tabSelected="1" view="pageBreakPreview" topLeftCell="A24" zoomScale="50" zoomScaleNormal="60" zoomScaleSheetLayoutView="50" workbookViewId="0">
      <selection activeCell="B6" sqref="B6:R6"/>
    </sheetView>
  </sheetViews>
  <sheetFormatPr defaultColWidth="8.875" defaultRowHeight="22.5" customHeight="1" x14ac:dyDescent="0.4"/>
  <cols>
    <col min="1" max="1" width="7.5" style="21" customWidth="1"/>
    <col min="2" max="2" width="11.125" style="21" customWidth="1"/>
    <col min="3" max="8" width="7.5" style="21" customWidth="1"/>
    <col min="9" max="9" width="28.125" style="21" customWidth="1"/>
    <col min="10" max="10" width="50" style="21" customWidth="1"/>
    <col min="11" max="11" width="2.5" style="21" customWidth="1"/>
    <col min="12" max="12" width="11.125" style="21" customWidth="1"/>
    <col min="13" max="13" width="7.5" style="21" customWidth="1"/>
    <col min="14" max="16384" width="8.875" style="1"/>
  </cols>
  <sheetData>
    <row r="1" spans="1:13" ht="22.5" customHeight="1" x14ac:dyDescent="0.4">
      <c r="A1" s="1"/>
      <c r="B1" s="2" t="s">
        <v>66</v>
      </c>
      <c r="C1" s="1"/>
      <c r="D1" s="1"/>
      <c r="E1" s="1"/>
      <c r="F1" s="1"/>
      <c r="G1" s="1"/>
      <c r="H1" s="1"/>
      <c r="I1" s="1"/>
      <c r="J1" s="1"/>
      <c r="K1" s="1"/>
      <c r="L1" s="1"/>
      <c r="M1" s="1"/>
    </row>
    <row r="2" spans="1:13" ht="22.5" customHeight="1" x14ac:dyDescent="0.4">
      <c r="A2" s="1"/>
      <c r="B2" s="2" t="s">
        <v>67</v>
      </c>
      <c r="C2" s="1"/>
      <c r="D2" s="1"/>
      <c r="E2" s="1"/>
      <c r="F2" s="1"/>
      <c r="G2" s="1"/>
      <c r="H2" s="1"/>
      <c r="I2" s="1"/>
      <c r="J2" s="1"/>
      <c r="K2" s="1"/>
      <c r="L2" s="1"/>
      <c r="M2" s="1"/>
    </row>
    <row r="3" spans="1:13" ht="22.5" customHeight="1" x14ac:dyDescent="0.4">
      <c r="A3" s="1"/>
      <c r="B3" s="2" t="s">
        <v>68</v>
      </c>
      <c r="C3" s="1"/>
      <c r="D3" s="1"/>
      <c r="E3" s="1"/>
      <c r="F3" s="1"/>
      <c r="G3" s="1"/>
      <c r="H3" s="1"/>
      <c r="I3" s="1"/>
      <c r="J3" s="1"/>
      <c r="K3" s="1"/>
      <c r="L3" s="1"/>
      <c r="M3" s="1"/>
    </row>
    <row r="4" spans="1:13" ht="22.5" customHeight="1" x14ac:dyDescent="0.4">
      <c r="A4" s="27"/>
      <c r="B4" s="17"/>
      <c r="C4" s="17"/>
      <c r="D4" s="17"/>
      <c r="E4" s="17"/>
      <c r="F4" s="17"/>
      <c r="G4" s="17"/>
      <c r="H4" s="17"/>
      <c r="I4" s="17"/>
      <c r="J4" s="17"/>
      <c r="K4" s="17"/>
      <c r="L4" s="17"/>
      <c r="M4" s="19"/>
    </row>
    <row r="5" spans="1:13" ht="22.5" customHeight="1" x14ac:dyDescent="0.2">
      <c r="A5" s="28"/>
      <c r="C5" s="29"/>
      <c r="D5" s="29"/>
      <c r="E5" s="29"/>
      <c r="F5" s="29"/>
      <c r="G5" s="29"/>
      <c r="H5" s="29"/>
      <c r="I5" s="29"/>
      <c r="K5" s="29"/>
      <c r="L5" s="29"/>
      <c r="M5" s="30"/>
    </row>
    <row r="6" spans="1:13" ht="28.5" x14ac:dyDescent="0.3">
      <c r="A6" s="31"/>
      <c r="B6" s="132" t="s">
        <v>3</v>
      </c>
      <c r="C6" s="132"/>
      <c r="D6" s="132"/>
      <c r="E6" s="132"/>
      <c r="F6" s="132"/>
      <c r="G6" s="132"/>
      <c r="H6" s="132"/>
      <c r="I6" s="132"/>
      <c r="J6" s="132"/>
      <c r="K6" s="132"/>
      <c r="L6" s="133"/>
      <c r="M6" s="32"/>
    </row>
    <row r="7" spans="1:13" ht="22.5" customHeight="1" x14ac:dyDescent="0.2">
      <c r="A7" s="28"/>
      <c r="B7" s="134" t="s">
        <v>112</v>
      </c>
      <c r="C7" s="134"/>
      <c r="D7" s="134"/>
      <c r="E7" s="134"/>
      <c r="F7" s="134"/>
      <c r="G7" s="134"/>
      <c r="H7" s="134"/>
      <c r="I7" s="134"/>
      <c r="J7" s="134"/>
      <c r="K7" s="134"/>
      <c r="L7" s="135"/>
      <c r="M7" s="30"/>
    </row>
    <row r="8" spans="1:13" ht="22.5" customHeight="1" x14ac:dyDescent="0.4">
      <c r="A8" s="28"/>
      <c r="M8" s="30"/>
    </row>
    <row r="9" spans="1:13" ht="22.5" customHeight="1" x14ac:dyDescent="0.4">
      <c r="A9" s="28"/>
      <c r="B9" s="136"/>
      <c r="C9" s="136"/>
      <c r="D9" s="136"/>
      <c r="F9" s="33"/>
      <c r="K9" s="14" t="s">
        <v>2</v>
      </c>
      <c r="L9" s="14"/>
      <c r="M9" s="30"/>
    </row>
    <row r="10" spans="1:13" ht="22.5" customHeight="1" x14ac:dyDescent="0.4">
      <c r="A10" s="28"/>
      <c r="C10" s="27" t="s">
        <v>113</v>
      </c>
      <c r="D10" s="34"/>
      <c r="E10" s="34"/>
      <c r="F10" s="34"/>
      <c r="G10" s="34"/>
      <c r="H10" s="34"/>
      <c r="I10" s="17"/>
      <c r="J10" s="18">
        <v>389445461</v>
      </c>
      <c r="K10" s="20"/>
      <c r="M10" s="30"/>
    </row>
    <row r="11" spans="1:13" ht="22.5" customHeight="1" x14ac:dyDescent="0.4">
      <c r="A11" s="28"/>
      <c r="C11" s="100"/>
      <c r="D11" s="101" t="s">
        <v>114</v>
      </c>
      <c r="E11" s="101"/>
      <c r="F11" s="101"/>
      <c r="G11" s="101"/>
      <c r="H11" s="101"/>
      <c r="I11" s="102"/>
      <c r="J11" s="90">
        <v>0</v>
      </c>
      <c r="K11" s="103"/>
      <c r="M11" s="30"/>
    </row>
    <row r="12" spans="1:13" ht="22.5" customHeight="1" x14ac:dyDescent="0.4">
      <c r="A12" s="28"/>
      <c r="C12" s="100"/>
      <c r="D12" s="101" t="s">
        <v>115</v>
      </c>
      <c r="E12" s="101"/>
      <c r="F12" s="101"/>
      <c r="G12" s="101"/>
      <c r="H12" s="101"/>
      <c r="I12" s="102"/>
      <c r="J12" s="90">
        <v>0</v>
      </c>
      <c r="K12" s="103"/>
      <c r="M12" s="30"/>
    </row>
    <row r="13" spans="1:13" ht="22.5" customHeight="1" x14ac:dyDescent="0.4">
      <c r="A13" s="28"/>
      <c r="C13" s="100"/>
      <c r="D13" s="101" t="s">
        <v>116</v>
      </c>
      <c r="E13" s="101"/>
      <c r="F13" s="101"/>
      <c r="G13" s="101"/>
      <c r="H13" s="101"/>
      <c r="I13" s="102"/>
      <c r="J13" s="90">
        <v>0</v>
      </c>
      <c r="K13" s="103"/>
      <c r="M13" s="30"/>
    </row>
    <row r="14" spans="1:13" ht="22.5" customHeight="1" x14ac:dyDescent="0.4">
      <c r="A14" s="28"/>
      <c r="C14" s="100"/>
      <c r="D14" s="101" t="s">
        <v>117</v>
      </c>
      <c r="E14" s="101"/>
      <c r="F14" s="101"/>
      <c r="G14" s="101"/>
      <c r="H14" s="101"/>
      <c r="I14" s="102"/>
      <c r="J14" s="90">
        <v>0</v>
      </c>
      <c r="K14" s="103"/>
      <c r="M14" s="30"/>
    </row>
    <row r="15" spans="1:13" ht="18.75" x14ac:dyDescent="0.4">
      <c r="A15" s="28"/>
      <c r="C15" s="100"/>
      <c r="D15" s="101" t="s">
        <v>118</v>
      </c>
      <c r="E15" s="101"/>
      <c r="F15" s="101"/>
      <c r="G15" s="101"/>
      <c r="H15" s="101"/>
      <c r="I15" s="102"/>
      <c r="J15" s="90">
        <v>0</v>
      </c>
      <c r="K15" s="103"/>
      <c r="M15" s="30"/>
    </row>
    <row r="16" spans="1:13" ht="22.5" customHeight="1" x14ac:dyDescent="0.4">
      <c r="A16" s="28"/>
      <c r="C16" s="100"/>
      <c r="D16" s="101" t="s">
        <v>119</v>
      </c>
      <c r="E16" s="101"/>
      <c r="F16" s="101"/>
      <c r="G16" s="101"/>
      <c r="H16" s="101"/>
      <c r="I16" s="102"/>
      <c r="J16" s="90">
        <v>0</v>
      </c>
      <c r="K16" s="103"/>
      <c r="M16" s="30"/>
    </row>
    <row r="17" spans="1:13" ht="22.5" customHeight="1" x14ac:dyDescent="0.4">
      <c r="A17" s="28"/>
      <c r="C17" s="100"/>
      <c r="D17" s="101" t="s">
        <v>120</v>
      </c>
      <c r="E17" s="101"/>
      <c r="F17" s="101"/>
      <c r="G17" s="101"/>
      <c r="H17" s="101"/>
      <c r="I17" s="102"/>
      <c r="J17" s="90">
        <v>0</v>
      </c>
      <c r="K17" s="103"/>
      <c r="M17" s="30"/>
    </row>
    <row r="18" spans="1:13" ht="22.5" customHeight="1" x14ac:dyDescent="0.4">
      <c r="A18" s="28"/>
      <c r="C18" s="100"/>
      <c r="D18" s="101" t="s">
        <v>121</v>
      </c>
      <c r="E18" s="101"/>
      <c r="F18" s="101"/>
      <c r="G18" s="101"/>
      <c r="H18" s="101"/>
      <c r="I18" s="102"/>
      <c r="J18" s="90">
        <v>5573655</v>
      </c>
      <c r="K18" s="103"/>
      <c r="M18" s="30"/>
    </row>
    <row r="19" spans="1:13" ht="22.5" customHeight="1" x14ac:dyDescent="0.4">
      <c r="A19" s="28"/>
      <c r="C19" s="100"/>
      <c r="D19" s="101" t="s">
        <v>122</v>
      </c>
      <c r="E19" s="101"/>
      <c r="F19" s="101"/>
      <c r="G19" s="101"/>
      <c r="H19" s="101"/>
      <c r="I19" s="102"/>
      <c r="J19" s="90">
        <v>3907441</v>
      </c>
      <c r="K19" s="103"/>
      <c r="M19" s="30"/>
    </row>
    <row r="20" spans="1:13" ht="22.5" customHeight="1" x14ac:dyDescent="0.4">
      <c r="A20" s="28"/>
      <c r="C20" s="100"/>
      <c r="D20" s="101" t="s">
        <v>123</v>
      </c>
      <c r="E20" s="101"/>
      <c r="F20" s="101"/>
      <c r="G20" s="101"/>
      <c r="H20" s="101"/>
      <c r="I20" s="102"/>
      <c r="J20" s="90">
        <v>0</v>
      </c>
      <c r="K20" s="103"/>
      <c r="M20" s="30"/>
    </row>
    <row r="21" spans="1:13" ht="22.5" customHeight="1" x14ac:dyDescent="0.4">
      <c r="A21" s="28"/>
      <c r="C21" s="100"/>
      <c r="D21" s="101"/>
      <c r="E21" s="101" t="s">
        <v>124</v>
      </c>
      <c r="F21" s="101"/>
      <c r="G21" s="101"/>
      <c r="H21" s="101"/>
      <c r="I21" s="102"/>
      <c r="J21" s="90">
        <v>0</v>
      </c>
      <c r="K21" s="103"/>
      <c r="M21" s="30"/>
    </row>
    <row r="22" spans="1:13" ht="22.5" customHeight="1" x14ac:dyDescent="0.4">
      <c r="A22" s="28"/>
      <c r="C22" s="100"/>
      <c r="D22" s="101"/>
      <c r="E22" s="101" t="s">
        <v>125</v>
      </c>
      <c r="F22" s="101"/>
      <c r="G22" s="101"/>
      <c r="H22" s="101"/>
      <c r="I22" s="102"/>
      <c r="J22" s="90">
        <v>0</v>
      </c>
      <c r="K22" s="103"/>
      <c r="M22" s="30"/>
    </row>
    <row r="23" spans="1:13" ht="22.5" customHeight="1" x14ac:dyDescent="0.4">
      <c r="A23" s="28"/>
      <c r="C23" s="100"/>
      <c r="D23" s="101"/>
      <c r="E23" s="101" t="s">
        <v>126</v>
      </c>
      <c r="F23" s="101"/>
      <c r="G23" s="101"/>
      <c r="H23" s="101"/>
      <c r="I23" s="102"/>
      <c r="J23" s="90">
        <v>0</v>
      </c>
      <c r="K23" s="103"/>
      <c r="M23" s="30"/>
    </row>
    <row r="24" spans="1:13" ht="22.5" customHeight="1" x14ac:dyDescent="0.4">
      <c r="A24" s="28"/>
      <c r="C24" s="100"/>
      <c r="D24" s="101" t="s">
        <v>127</v>
      </c>
      <c r="E24" s="101"/>
      <c r="F24" s="101"/>
      <c r="G24" s="101"/>
      <c r="H24" s="101"/>
      <c r="I24" s="102"/>
      <c r="J24" s="90">
        <v>0</v>
      </c>
      <c r="K24" s="103"/>
      <c r="M24" s="30"/>
    </row>
    <row r="25" spans="1:13" ht="22.5" customHeight="1" x14ac:dyDescent="0.4">
      <c r="A25" s="28"/>
      <c r="C25" s="100"/>
      <c r="D25" s="101" t="s">
        <v>128</v>
      </c>
      <c r="E25" s="101"/>
      <c r="F25" s="101"/>
      <c r="G25" s="101"/>
      <c r="H25" s="101"/>
      <c r="I25" s="102"/>
      <c r="J25" s="90">
        <v>0</v>
      </c>
      <c r="K25" s="103"/>
      <c r="M25" s="30"/>
    </row>
    <row r="26" spans="1:13" ht="22.5" customHeight="1" x14ac:dyDescent="0.4">
      <c r="A26" s="28"/>
      <c r="C26" s="104"/>
      <c r="D26" s="105" t="s">
        <v>129</v>
      </c>
      <c r="E26" s="105"/>
      <c r="F26" s="105"/>
      <c r="G26" s="105"/>
      <c r="H26" s="105"/>
      <c r="I26" s="106"/>
      <c r="J26" s="107">
        <v>379964365</v>
      </c>
      <c r="K26" s="108"/>
      <c r="M26" s="30"/>
    </row>
    <row r="27" spans="1:13" ht="22.5" customHeight="1" x14ac:dyDescent="0.4">
      <c r="A27" s="28"/>
      <c r="C27" s="100" t="s">
        <v>130</v>
      </c>
      <c r="D27" s="101"/>
      <c r="E27" s="101"/>
      <c r="F27" s="101"/>
      <c r="G27" s="101"/>
      <c r="H27" s="101"/>
      <c r="I27" s="102"/>
      <c r="J27" s="91">
        <v>1873311347</v>
      </c>
      <c r="K27" s="103"/>
      <c r="M27" s="30"/>
    </row>
    <row r="28" spans="1:13" ht="22.5" customHeight="1" x14ac:dyDescent="0.4">
      <c r="A28" s="28"/>
      <c r="C28" s="100"/>
      <c r="D28" s="101" t="s">
        <v>131</v>
      </c>
      <c r="E28" s="101"/>
      <c r="F28" s="101"/>
      <c r="G28" s="101"/>
      <c r="H28" s="101"/>
      <c r="I28" s="102"/>
      <c r="J28" s="90">
        <v>765605995</v>
      </c>
      <c r="K28" s="109"/>
      <c r="M28" s="30"/>
    </row>
    <row r="29" spans="1:13" ht="22.5" customHeight="1" x14ac:dyDescent="0.4">
      <c r="A29" s="28"/>
      <c r="C29" s="100"/>
      <c r="D29" s="101" t="s">
        <v>132</v>
      </c>
      <c r="E29" s="101"/>
      <c r="F29" s="101"/>
      <c r="G29" s="101"/>
      <c r="H29" s="101"/>
      <c r="I29" s="102"/>
      <c r="J29" s="90">
        <v>73166234</v>
      </c>
      <c r="K29" s="109"/>
      <c r="M29" s="30"/>
    </row>
    <row r="30" spans="1:13" ht="22.5" customHeight="1" x14ac:dyDescent="0.4">
      <c r="A30" s="28"/>
      <c r="C30" s="100"/>
      <c r="D30" s="101" t="s">
        <v>133</v>
      </c>
      <c r="E30" s="101"/>
      <c r="F30" s="101"/>
      <c r="G30" s="101"/>
      <c r="H30" s="101"/>
      <c r="I30" s="102"/>
      <c r="J30" s="90">
        <v>-6045268</v>
      </c>
      <c r="K30" s="109"/>
      <c r="M30" s="30"/>
    </row>
    <row r="31" spans="1:13" ht="22.5" customHeight="1" x14ac:dyDescent="0.4">
      <c r="A31" s="28"/>
      <c r="C31" s="100"/>
      <c r="D31" s="101" t="s">
        <v>134</v>
      </c>
      <c r="E31" s="101"/>
      <c r="F31" s="101"/>
      <c r="G31" s="101"/>
      <c r="H31" s="101"/>
      <c r="I31" s="102"/>
      <c r="J31" s="90">
        <v>380056618</v>
      </c>
      <c r="K31" s="109"/>
      <c r="M31" s="30"/>
    </row>
    <row r="32" spans="1:13" ht="22.5" customHeight="1" x14ac:dyDescent="0.4">
      <c r="A32" s="28"/>
      <c r="C32" s="100"/>
      <c r="D32" s="101" t="s">
        <v>135</v>
      </c>
      <c r="E32" s="101"/>
      <c r="F32" s="101"/>
      <c r="G32" s="101"/>
      <c r="H32" s="101"/>
      <c r="I32" s="102"/>
      <c r="J32" s="90">
        <v>344819275</v>
      </c>
      <c r="K32" s="109"/>
      <c r="M32" s="30"/>
    </row>
    <row r="33" spans="1:13" ht="22.5" customHeight="1" x14ac:dyDescent="0.4">
      <c r="A33" s="28"/>
      <c r="C33" s="100"/>
      <c r="D33" s="101" t="s">
        <v>136</v>
      </c>
      <c r="E33" s="101"/>
      <c r="F33" s="101"/>
      <c r="G33" s="101"/>
      <c r="H33" s="101"/>
      <c r="I33" s="102"/>
      <c r="J33" s="90">
        <v>200633791</v>
      </c>
      <c r="K33" s="109"/>
      <c r="M33" s="30"/>
    </row>
    <row r="34" spans="1:13" ht="22.5" customHeight="1" x14ac:dyDescent="0.4">
      <c r="A34" s="28"/>
      <c r="C34" s="100"/>
      <c r="D34" s="101" t="s">
        <v>137</v>
      </c>
      <c r="E34" s="101"/>
      <c r="F34" s="101"/>
      <c r="G34" s="101"/>
      <c r="H34" s="101"/>
      <c r="I34" s="102"/>
      <c r="J34" s="90">
        <v>888211</v>
      </c>
      <c r="K34" s="109"/>
      <c r="M34" s="30"/>
    </row>
    <row r="35" spans="1:13" ht="22.5" customHeight="1" x14ac:dyDescent="0.4">
      <c r="A35" s="28"/>
      <c r="C35" s="100"/>
      <c r="D35" s="101" t="s">
        <v>138</v>
      </c>
      <c r="E35" s="101"/>
      <c r="F35" s="101"/>
      <c r="G35" s="101"/>
      <c r="H35" s="101"/>
      <c r="I35" s="102"/>
      <c r="J35" s="90">
        <v>0</v>
      </c>
      <c r="K35" s="109"/>
      <c r="M35" s="30"/>
    </row>
    <row r="36" spans="1:13" ht="22.5" customHeight="1" x14ac:dyDescent="0.4">
      <c r="A36" s="28"/>
      <c r="C36" s="100"/>
      <c r="D36" s="101" t="s">
        <v>139</v>
      </c>
      <c r="E36" s="101"/>
      <c r="F36" s="101"/>
      <c r="G36" s="101"/>
      <c r="H36" s="101"/>
      <c r="I36" s="102"/>
      <c r="J36" s="90">
        <v>0</v>
      </c>
      <c r="K36" s="109"/>
      <c r="M36" s="30"/>
    </row>
    <row r="37" spans="1:13" ht="22.5" customHeight="1" x14ac:dyDescent="0.4">
      <c r="A37" s="28"/>
      <c r="C37" s="100"/>
      <c r="D37" s="101" t="s">
        <v>140</v>
      </c>
      <c r="E37" s="101"/>
      <c r="F37" s="101"/>
      <c r="G37" s="101"/>
      <c r="H37" s="101"/>
      <c r="I37" s="102"/>
      <c r="J37" s="90">
        <v>0</v>
      </c>
      <c r="K37" s="109"/>
      <c r="M37" s="30"/>
    </row>
    <row r="38" spans="1:13" ht="22.5" customHeight="1" x14ac:dyDescent="0.4">
      <c r="A38" s="28"/>
      <c r="C38" s="100"/>
      <c r="D38" s="101" t="s">
        <v>141</v>
      </c>
      <c r="E38" s="101"/>
      <c r="F38" s="101"/>
      <c r="G38" s="101"/>
      <c r="H38" s="101"/>
      <c r="I38" s="102"/>
      <c r="J38" s="90">
        <v>0</v>
      </c>
      <c r="K38" s="109"/>
      <c r="M38" s="30"/>
    </row>
    <row r="39" spans="1:13" ht="22.5" customHeight="1" x14ac:dyDescent="0.4">
      <c r="A39" s="28"/>
      <c r="C39" s="100"/>
      <c r="D39" s="101" t="s">
        <v>142</v>
      </c>
      <c r="E39" s="101"/>
      <c r="F39" s="101"/>
      <c r="G39" s="101"/>
      <c r="H39" s="101"/>
      <c r="I39" s="102"/>
      <c r="J39" s="90">
        <v>0</v>
      </c>
      <c r="K39" s="109"/>
      <c r="M39" s="30"/>
    </row>
    <row r="40" spans="1:13" ht="22.5" customHeight="1" x14ac:dyDescent="0.4">
      <c r="A40" s="28"/>
      <c r="C40" s="100"/>
      <c r="D40" s="101" t="s">
        <v>143</v>
      </c>
      <c r="E40" s="101"/>
      <c r="F40" s="101"/>
      <c r="G40" s="101"/>
      <c r="H40" s="101"/>
      <c r="I40" s="102"/>
      <c r="J40" s="90">
        <v>114186491</v>
      </c>
      <c r="K40" s="109"/>
      <c r="M40" s="30"/>
    </row>
    <row r="41" spans="1:13" ht="22.5" customHeight="1" x14ac:dyDescent="0.4">
      <c r="A41" s="28"/>
      <c r="C41" s="100"/>
      <c r="D41" s="101" t="s">
        <v>144</v>
      </c>
      <c r="E41" s="101"/>
      <c r="F41" s="101"/>
      <c r="G41" s="101"/>
      <c r="H41" s="101"/>
      <c r="I41" s="102"/>
      <c r="J41" s="90">
        <v>0</v>
      </c>
      <c r="K41" s="109"/>
      <c r="M41" s="30"/>
    </row>
    <row r="42" spans="1:13" ht="22.5" customHeight="1" x14ac:dyDescent="0.4">
      <c r="A42" s="28"/>
      <c r="C42" s="100"/>
      <c r="D42" s="101"/>
      <c r="E42" s="101" t="s">
        <v>145</v>
      </c>
      <c r="F42" s="101"/>
      <c r="G42" s="101"/>
      <c r="H42" s="101"/>
      <c r="I42" s="102"/>
      <c r="J42" s="90">
        <v>0</v>
      </c>
      <c r="K42" s="109"/>
      <c r="M42" s="30"/>
    </row>
    <row r="43" spans="1:13" ht="22.5" customHeight="1" x14ac:dyDescent="0.4">
      <c r="A43" s="28"/>
      <c r="C43" s="100"/>
      <c r="D43" s="101"/>
      <c r="E43" s="101" t="s">
        <v>146</v>
      </c>
      <c r="F43" s="101"/>
      <c r="G43" s="101"/>
      <c r="H43" s="101"/>
      <c r="I43" s="102"/>
      <c r="J43" s="90">
        <v>0</v>
      </c>
      <c r="K43" s="109"/>
      <c r="M43" s="30"/>
    </row>
    <row r="44" spans="1:13" ht="22.5" customHeight="1" x14ac:dyDescent="0.4">
      <c r="A44" s="28"/>
      <c r="C44" s="100"/>
      <c r="D44" s="101"/>
      <c r="E44" s="101" t="s">
        <v>147</v>
      </c>
      <c r="F44" s="101"/>
      <c r="G44" s="101"/>
      <c r="H44" s="101"/>
      <c r="I44" s="102"/>
      <c r="J44" s="90">
        <v>0</v>
      </c>
      <c r="K44" s="109"/>
      <c r="M44" s="30"/>
    </row>
    <row r="45" spans="1:13" ht="22.5" customHeight="1" x14ac:dyDescent="0.4">
      <c r="A45" s="28"/>
      <c r="C45" s="100"/>
      <c r="D45" s="101" t="s">
        <v>148</v>
      </c>
      <c r="E45" s="101"/>
      <c r="F45" s="101"/>
      <c r="G45" s="101"/>
      <c r="H45" s="101"/>
      <c r="I45" s="102"/>
      <c r="J45" s="90">
        <v>0</v>
      </c>
      <c r="K45" s="109"/>
      <c r="M45" s="30"/>
    </row>
    <row r="46" spans="1:13" ht="22.5" customHeight="1" x14ac:dyDescent="0.4">
      <c r="A46" s="28"/>
      <c r="C46" s="96" t="s">
        <v>149</v>
      </c>
      <c r="D46" s="97"/>
      <c r="E46" s="97"/>
      <c r="F46" s="97"/>
      <c r="G46" s="97"/>
      <c r="H46" s="97"/>
      <c r="I46" s="98"/>
      <c r="J46" s="84">
        <v>-1483865886</v>
      </c>
      <c r="K46" s="99"/>
      <c r="M46" s="30"/>
    </row>
    <row r="47" spans="1:13" ht="22.5" customHeight="1" x14ac:dyDescent="0.4">
      <c r="A47" s="28"/>
      <c r="C47" s="100" t="s">
        <v>150</v>
      </c>
      <c r="D47" s="101"/>
      <c r="E47" s="101"/>
      <c r="F47" s="101"/>
      <c r="G47" s="101"/>
      <c r="H47" s="101"/>
      <c r="I47" s="102"/>
      <c r="J47" s="91">
        <v>1646079</v>
      </c>
      <c r="K47" s="109"/>
      <c r="M47" s="30"/>
    </row>
    <row r="48" spans="1:13" ht="22.5" customHeight="1" x14ac:dyDescent="0.4">
      <c r="A48" s="28"/>
      <c r="C48" s="100"/>
      <c r="D48" s="101" t="s">
        <v>151</v>
      </c>
      <c r="E48" s="101"/>
      <c r="F48" s="101"/>
      <c r="G48" s="101"/>
      <c r="H48" s="101"/>
      <c r="I48" s="102"/>
      <c r="J48" s="90">
        <v>1523397</v>
      </c>
      <c r="K48" s="109"/>
      <c r="M48" s="30"/>
    </row>
    <row r="49" spans="1:13" ht="22.5" customHeight="1" x14ac:dyDescent="0.4">
      <c r="A49" s="28"/>
      <c r="C49" s="100"/>
      <c r="D49" s="101" t="s">
        <v>152</v>
      </c>
      <c r="E49" s="101"/>
      <c r="F49" s="101"/>
      <c r="G49" s="101"/>
      <c r="H49" s="101"/>
      <c r="I49" s="102"/>
      <c r="J49" s="90">
        <v>0</v>
      </c>
      <c r="K49" s="109"/>
      <c r="M49" s="30"/>
    </row>
    <row r="50" spans="1:13" ht="22.5" customHeight="1" x14ac:dyDescent="0.4">
      <c r="A50" s="28"/>
      <c r="C50" s="100"/>
      <c r="D50" s="101" t="s">
        <v>153</v>
      </c>
      <c r="E50" s="101"/>
      <c r="F50" s="101"/>
      <c r="G50" s="101"/>
      <c r="H50" s="101"/>
      <c r="I50" s="102"/>
      <c r="J50" s="90">
        <v>0</v>
      </c>
      <c r="K50" s="109"/>
      <c r="M50" s="30"/>
    </row>
    <row r="51" spans="1:13" ht="22.5" customHeight="1" x14ac:dyDescent="0.4">
      <c r="A51" s="28"/>
      <c r="C51" s="100"/>
      <c r="D51" s="101" t="s">
        <v>154</v>
      </c>
      <c r="E51" s="101"/>
      <c r="F51" s="101"/>
      <c r="G51" s="101"/>
      <c r="H51" s="101"/>
      <c r="I51" s="102"/>
      <c r="J51" s="90">
        <v>122682</v>
      </c>
      <c r="K51" s="109"/>
      <c r="M51" s="30"/>
    </row>
    <row r="52" spans="1:13" ht="22.5" customHeight="1" x14ac:dyDescent="0.4">
      <c r="A52" s="28"/>
      <c r="C52" s="100" t="s">
        <v>155</v>
      </c>
      <c r="D52" s="101"/>
      <c r="E52" s="101"/>
      <c r="F52" s="101"/>
      <c r="G52" s="101"/>
      <c r="H52" s="101"/>
      <c r="I52" s="102"/>
      <c r="J52" s="90">
        <v>0</v>
      </c>
      <c r="K52" s="109"/>
      <c r="M52" s="30"/>
    </row>
    <row r="53" spans="1:13" ht="22.5" customHeight="1" x14ac:dyDescent="0.4">
      <c r="A53" s="28"/>
      <c r="C53" s="100"/>
      <c r="D53" s="101" t="s">
        <v>156</v>
      </c>
      <c r="E53" s="101"/>
      <c r="F53" s="101"/>
      <c r="G53" s="101"/>
      <c r="H53" s="101"/>
      <c r="I53" s="102"/>
      <c r="J53" s="90">
        <v>0</v>
      </c>
      <c r="K53" s="109"/>
      <c r="M53" s="30"/>
    </row>
    <row r="54" spans="1:13" ht="22.5" customHeight="1" x14ac:dyDescent="0.4">
      <c r="A54" s="28"/>
      <c r="C54" s="100"/>
      <c r="D54" s="101" t="s">
        <v>157</v>
      </c>
      <c r="E54" s="101"/>
      <c r="F54" s="101"/>
      <c r="G54" s="101"/>
      <c r="H54" s="101"/>
      <c r="I54" s="102"/>
      <c r="J54" s="90">
        <v>0</v>
      </c>
      <c r="K54" s="109"/>
      <c r="M54" s="30"/>
    </row>
    <row r="55" spans="1:13" ht="22.5" customHeight="1" x14ac:dyDescent="0.4">
      <c r="A55" s="28"/>
      <c r="C55" s="100"/>
      <c r="D55" s="101" t="s">
        <v>138</v>
      </c>
      <c r="E55" s="101"/>
      <c r="F55" s="101"/>
      <c r="G55" s="101"/>
      <c r="H55" s="101"/>
      <c r="I55" s="102"/>
      <c r="J55" s="90">
        <v>0</v>
      </c>
      <c r="K55" s="109"/>
      <c r="M55" s="30"/>
    </row>
    <row r="56" spans="1:13" ht="22.5" customHeight="1" x14ac:dyDescent="0.4">
      <c r="A56" s="28"/>
      <c r="C56" s="100"/>
      <c r="D56" s="101" t="s">
        <v>158</v>
      </c>
      <c r="E56" s="101"/>
      <c r="F56" s="101"/>
      <c r="G56" s="101"/>
      <c r="H56" s="101"/>
      <c r="I56" s="102"/>
      <c r="J56" s="90">
        <v>0</v>
      </c>
      <c r="K56" s="109"/>
      <c r="M56" s="30"/>
    </row>
    <row r="57" spans="1:13" ht="22.5" customHeight="1" x14ac:dyDescent="0.4">
      <c r="A57" s="28"/>
      <c r="C57" s="100"/>
      <c r="D57" s="101" t="s">
        <v>153</v>
      </c>
      <c r="E57" s="101"/>
      <c r="F57" s="101"/>
      <c r="G57" s="101"/>
      <c r="H57" s="101"/>
      <c r="I57" s="102"/>
      <c r="J57" s="90">
        <v>0</v>
      </c>
      <c r="K57" s="109"/>
      <c r="M57" s="30"/>
    </row>
    <row r="58" spans="1:13" ht="22.5" customHeight="1" x14ac:dyDescent="0.4">
      <c r="A58" s="28"/>
      <c r="C58" s="100"/>
      <c r="D58" s="101" t="s">
        <v>159</v>
      </c>
      <c r="E58" s="101"/>
      <c r="F58" s="101"/>
      <c r="G58" s="101"/>
      <c r="H58" s="101"/>
      <c r="I58" s="102"/>
      <c r="J58" s="90">
        <v>0</v>
      </c>
      <c r="K58" s="109"/>
      <c r="M58" s="30"/>
    </row>
    <row r="59" spans="1:13" ht="22.5" customHeight="1" x14ac:dyDescent="0.4">
      <c r="A59" s="28"/>
      <c r="C59" s="96" t="s">
        <v>160</v>
      </c>
      <c r="D59" s="97"/>
      <c r="E59" s="97"/>
      <c r="F59" s="97"/>
      <c r="G59" s="97"/>
      <c r="H59" s="97"/>
      <c r="I59" s="98"/>
      <c r="J59" s="84">
        <v>1646079</v>
      </c>
      <c r="K59" s="99"/>
      <c r="M59" s="30"/>
    </row>
    <row r="60" spans="1:13" ht="22.5" customHeight="1" x14ac:dyDescent="0.4">
      <c r="A60" s="28"/>
      <c r="C60" s="96" t="s">
        <v>161</v>
      </c>
      <c r="D60" s="97"/>
      <c r="E60" s="97"/>
      <c r="F60" s="97"/>
      <c r="G60" s="97"/>
      <c r="H60" s="97"/>
      <c r="I60" s="98"/>
      <c r="J60" s="84">
        <v>1312957498</v>
      </c>
      <c r="K60" s="99"/>
      <c r="M60" s="30"/>
    </row>
    <row r="61" spans="1:13" ht="22.5" customHeight="1" x14ac:dyDescent="0.4">
      <c r="A61" s="28"/>
      <c r="C61" s="96" t="s">
        <v>162</v>
      </c>
      <c r="D61" s="83"/>
      <c r="E61" s="83"/>
      <c r="F61" s="83"/>
      <c r="G61" s="83"/>
      <c r="H61" s="83"/>
      <c r="I61" s="83"/>
      <c r="J61" s="86">
        <v>-3986740</v>
      </c>
      <c r="K61" s="87"/>
      <c r="M61" s="30"/>
    </row>
    <row r="62" spans="1:13" ht="22.5" customHeight="1" x14ac:dyDescent="0.4">
      <c r="A62" s="28"/>
      <c r="C62" s="96" t="s">
        <v>163</v>
      </c>
      <c r="D62" s="83"/>
      <c r="E62" s="83"/>
      <c r="F62" s="83"/>
      <c r="G62" s="83"/>
      <c r="H62" s="83"/>
      <c r="I62" s="83"/>
      <c r="J62" s="84">
        <v>-173249049</v>
      </c>
      <c r="K62" s="88"/>
      <c r="L62" s="22"/>
      <c r="M62" s="30"/>
    </row>
    <row r="63" spans="1:13" ht="22.5" customHeight="1" x14ac:dyDescent="0.4">
      <c r="A63" s="28"/>
      <c r="J63" s="22"/>
      <c r="K63" s="22"/>
      <c r="L63" s="22"/>
      <c r="M63" s="30"/>
    </row>
    <row r="64" spans="1:13" ht="22.5" customHeight="1" x14ac:dyDescent="0.4">
      <c r="A64" s="35"/>
      <c r="B64" s="36"/>
      <c r="C64" s="36"/>
      <c r="D64" s="36"/>
      <c r="E64" s="36"/>
      <c r="F64" s="36"/>
      <c r="G64" s="36"/>
      <c r="H64" s="36"/>
      <c r="I64" s="36"/>
      <c r="J64" s="37"/>
      <c r="K64" s="37"/>
      <c r="L64" s="37"/>
      <c r="M64" s="38"/>
    </row>
    <row r="65" spans="10:12" ht="22.5" customHeight="1" x14ac:dyDescent="0.4">
      <c r="J65" s="23"/>
      <c r="K65" s="23"/>
      <c r="L65" s="23"/>
    </row>
    <row r="66" spans="10:12" ht="22.5" customHeight="1" x14ac:dyDescent="0.4">
      <c r="J66" s="23"/>
      <c r="K66" s="23"/>
      <c r="L66" s="23"/>
    </row>
    <row r="67" spans="10:12" ht="22.5" customHeight="1" x14ac:dyDescent="0.4">
      <c r="J67" s="23"/>
      <c r="K67" s="23"/>
      <c r="L67" s="23"/>
    </row>
    <row r="68" spans="10:12" ht="22.5" customHeight="1" x14ac:dyDescent="0.4">
      <c r="J68" s="23"/>
      <c r="K68" s="23"/>
      <c r="L68" s="23"/>
    </row>
    <row r="69" spans="10:12" ht="22.5" customHeight="1" x14ac:dyDescent="0.4">
      <c r="J69" s="23"/>
      <c r="K69" s="23"/>
      <c r="L69" s="23"/>
    </row>
    <row r="70" spans="10:12" ht="22.5" customHeight="1" x14ac:dyDescent="0.4">
      <c r="J70" s="23"/>
      <c r="K70" s="23"/>
      <c r="L70" s="23"/>
    </row>
    <row r="71" spans="10:12" ht="22.5" customHeight="1" x14ac:dyDescent="0.4">
      <c r="J71" s="23"/>
      <c r="K71" s="23"/>
      <c r="L71" s="23"/>
    </row>
    <row r="72" spans="10:12" ht="22.5" customHeight="1" x14ac:dyDescent="0.4">
      <c r="J72" s="23"/>
      <c r="K72" s="23"/>
      <c r="L72" s="23"/>
    </row>
    <row r="73" spans="10:12" ht="22.5" customHeight="1" x14ac:dyDescent="0.4">
      <c r="J73" s="23"/>
      <c r="K73" s="23"/>
      <c r="L73" s="23"/>
    </row>
    <row r="74" spans="10:12" ht="22.5" customHeight="1" x14ac:dyDescent="0.4">
      <c r="J74" s="23"/>
      <c r="K74" s="23"/>
      <c r="L74" s="23"/>
    </row>
    <row r="75" spans="10:12" ht="22.5" customHeight="1" x14ac:dyDescent="0.4">
      <c r="J75" s="23"/>
      <c r="K75" s="23"/>
      <c r="L75" s="23"/>
    </row>
    <row r="76" spans="10:12" ht="22.5" customHeight="1" x14ac:dyDescent="0.4">
      <c r="J76" s="23"/>
      <c r="K76" s="23"/>
      <c r="L76" s="23"/>
    </row>
    <row r="77" spans="10:12" ht="22.5" customHeight="1" x14ac:dyDescent="0.4">
      <c r="J77" s="23"/>
      <c r="K77" s="23"/>
      <c r="L77" s="23"/>
    </row>
    <row r="78" spans="10:12" ht="22.5" customHeight="1" x14ac:dyDescent="0.4">
      <c r="J78" s="23"/>
      <c r="K78" s="23"/>
      <c r="L78" s="23"/>
    </row>
    <row r="79" spans="10:12" ht="22.5" customHeight="1" x14ac:dyDescent="0.4">
      <c r="J79" s="23"/>
      <c r="K79" s="23"/>
      <c r="L79" s="23"/>
    </row>
    <row r="80" spans="10:12" ht="22.5" customHeight="1" x14ac:dyDescent="0.4">
      <c r="J80" s="23"/>
      <c r="K80" s="23"/>
      <c r="L80" s="23"/>
    </row>
    <row r="81" spans="10:12" s="21" customFormat="1" ht="22.5" customHeight="1" x14ac:dyDescent="0.4">
      <c r="J81" s="23"/>
      <c r="K81" s="23"/>
      <c r="L81" s="23"/>
    </row>
    <row r="82" spans="10:12" s="21" customFormat="1" ht="22.5" customHeight="1" x14ac:dyDescent="0.4">
      <c r="J82" s="23"/>
      <c r="K82" s="23"/>
      <c r="L82" s="23"/>
    </row>
    <row r="83" spans="10:12" s="21" customFormat="1" ht="22.5" customHeight="1" x14ac:dyDescent="0.4">
      <c r="J83" s="23"/>
      <c r="K83" s="23"/>
      <c r="L83" s="23"/>
    </row>
    <row r="84" spans="10:12" s="21" customFormat="1" ht="22.5" customHeight="1" x14ac:dyDescent="0.4">
      <c r="J84" s="23"/>
      <c r="K84" s="23"/>
      <c r="L84" s="23"/>
    </row>
    <row r="85" spans="10:12" s="21" customFormat="1" ht="22.5" customHeight="1" x14ac:dyDescent="0.4">
      <c r="J85" s="23"/>
      <c r="K85" s="23"/>
      <c r="L85" s="23"/>
    </row>
    <row r="86" spans="10:12" s="21" customFormat="1" ht="22.5" customHeight="1" x14ac:dyDescent="0.4">
      <c r="J86" s="23"/>
      <c r="K86" s="23"/>
      <c r="L86" s="23"/>
    </row>
    <row r="87" spans="10:12" s="21" customFormat="1" ht="22.5" customHeight="1" x14ac:dyDescent="0.4">
      <c r="J87" s="23"/>
      <c r="K87" s="23"/>
      <c r="L87" s="23"/>
    </row>
    <row r="88" spans="10:12" s="21" customFormat="1" ht="22.5" customHeight="1" x14ac:dyDescent="0.4">
      <c r="J88" s="23"/>
      <c r="K88" s="23"/>
      <c r="L88" s="23"/>
    </row>
    <row r="89" spans="10:12" s="21" customFormat="1" ht="22.5" customHeight="1" x14ac:dyDescent="0.4">
      <c r="J89" s="23"/>
      <c r="K89" s="23"/>
      <c r="L89" s="23"/>
    </row>
    <row r="90" spans="10:12" s="21" customFormat="1" ht="22.5" customHeight="1" x14ac:dyDescent="0.4">
      <c r="J90" s="23"/>
      <c r="K90" s="23"/>
      <c r="L90" s="23"/>
    </row>
    <row r="91" spans="10:12" s="21" customFormat="1" ht="22.5" customHeight="1" x14ac:dyDescent="0.4">
      <c r="J91" s="23"/>
      <c r="K91" s="23"/>
      <c r="L91" s="23"/>
    </row>
    <row r="92" spans="10:12" s="21" customFormat="1" ht="22.5" customHeight="1" x14ac:dyDescent="0.4">
      <c r="J92" s="23"/>
      <c r="K92" s="23"/>
      <c r="L92" s="23"/>
    </row>
    <row r="93" spans="10:12" s="21" customFormat="1" ht="22.5" customHeight="1" x14ac:dyDescent="0.4">
      <c r="J93" s="23"/>
      <c r="K93" s="23"/>
      <c r="L93" s="23"/>
    </row>
    <row r="94" spans="10:12" s="21" customFormat="1" ht="22.5" customHeight="1" x14ac:dyDescent="0.4">
      <c r="J94" s="23"/>
      <c r="K94" s="23"/>
      <c r="L94" s="23"/>
    </row>
    <row r="95" spans="10:12" s="21" customFormat="1" ht="22.5" customHeight="1" x14ac:dyDescent="0.4">
      <c r="J95" s="23"/>
      <c r="K95" s="23"/>
      <c r="L95" s="23"/>
    </row>
    <row r="96" spans="10:12" s="21" customFormat="1" ht="22.5" customHeight="1" x14ac:dyDescent="0.4">
      <c r="J96" s="23"/>
      <c r="K96" s="23"/>
      <c r="L96" s="23"/>
    </row>
    <row r="97" spans="10:12" s="21" customFormat="1" ht="22.5" customHeight="1" x14ac:dyDescent="0.4">
      <c r="J97" s="23"/>
      <c r="K97" s="23"/>
      <c r="L97" s="23"/>
    </row>
    <row r="98" spans="10:12" s="21" customFormat="1" ht="22.5" customHeight="1" x14ac:dyDescent="0.4">
      <c r="J98" s="23"/>
      <c r="K98" s="23"/>
      <c r="L98" s="23"/>
    </row>
    <row r="99" spans="10:12" s="21" customFormat="1" ht="22.5" customHeight="1" x14ac:dyDescent="0.4">
      <c r="J99" s="23"/>
      <c r="K99" s="23"/>
      <c r="L99" s="23"/>
    </row>
    <row r="100" spans="10:12" s="21" customFormat="1" ht="22.5" customHeight="1" x14ac:dyDescent="0.4">
      <c r="J100" s="23"/>
      <c r="K100" s="23"/>
      <c r="L100" s="23"/>
    </row>
    <row r="101" spans="10:12" s="21" customFormat="1" ht="22.5" customHeight="1" x14ac:dyDescent="0.4">
      <c r="J101" s="23"/>
      <c r="K101" s="23"/>
      <c r="L101" s="23"/>
    </row>
    <row r="102" spans="10:12" s="21" customFormat="1" ht="22.5" customHeight="1" x14ac:dyDescent="0.4">
      <c r="J102" s="23"/>
      <c r="K102" s="23"/>
      <c r="L102" s="23"/>
    </row>
    <row r="103" spans="10:12" s="21" customFormat="1" ht="22.5" customHeight="1" x14ac:dyDescent="0.4">
      <c r="J103" s="23"/>
      <c r="K103" s="23"/>
      <c r="L103" s="23"/>
    </row>
    <row r="104" spans="10:12" s="21" customFormat="1" ht="22.5" customHeight="1" x14ac:dyDescent="0.4">
      <c r="J104" s="23"/>
      <c r="K104" s="23"/>
      <c r="L104" s="23"/>
    </row>
    <row r="105" spans="10:12" s="21" customFormat="1" ht="22.5" customHeight="1" x14ac:dyDescent="0.4">
      <c r="J105" s="23"/>
      <c r="K105" s="23"/>
      <c r="L105" s="23"/>
    </row>
    <row r="106" spans="10:12" s="21" customFormat="1" ht="22.5" customHeight="1" x14ac:dyDescent="0.4">
      <c r="J106" s="23"/>
      <c r="K106" s="23"/>
      <c r="L106" s="23"/>
    </row>
    <row r="107" spans="10:12" s="21" customFormat="1" ht="22.5" customHeight="1" x14ac:dyDescent="0.4">
      <c r="J107" s="23"/>
      <c r="K107" s="23"/>
      <c r="L107" s="23"/>
    </row>
    <row r="108" spans="10:12" s="21" customFormat="1" ht="22.5" customHeight="1" x14ac:dyDescent="0.4">
      <c r="J108" s="23"/>
      <c r="K108" s="23"/>
      <c r="L108" s="23"/>
    </row>
    <row r="109" spans="10:12" s="21" customFormat="1" ht="22.5" customHeight="1" x14ac:dyDescent="0.4">
      <c r="J109" s="23"/>
      <c r="K109" s="23"/>
      <c r="L109" s="23"/>
    </row>
    <row r="110" spans="10:12" s="21" customFormat="1" ht="22.5" customHeight="1" x14ac:dyDescent="0.4">
      <c r="J110" s="23"/>
      <c r="K110" s="23"/>
      <c r="L110" s="23"/>
    </row>
    <row r="111" spans="10:12" s="21" customFormat="1" ht="22.5" customHeight="1" x14ac:dyDescent="0.4">
      <c r="J111" s="23"/>
      <c r="K111" s="23"/>
      <c r="L111" s="23"/>
    </row>
    <row r="112" spans="10:12" s="21" customFormat="1" ht="22.5" customHeight="1" x14ac:dyDescent="0.4">
      <c r="J112" s="23"/>
      <c r="K112" s="23"/>
      <c r="L112" s="23"/>
    </row>
    <row r="113" spans="10:12" s="21" customFormat="1" ht="22.5" customHeight="1" x14ac:dyDescent="0.4">
      <c r="J113" s="23"/>
      <c r="K113" s="23"/>
      <c r="L113" s="23"/>
    </row>
    <row r="114" spans="10:12" s="21" customFormat="1" ht="22.5" customHeight="1" x14ac:dyDescent="0.4">
      <c r="J114" s="23"/>
      <c r="K114" s="23"/>
      <c r="L114" s="23"/>
    </row>
    <row r="115" spans="10:12" s="21" customFormat="1" ht="22.5" customHeight="1" x14ac:dyDescent="0.4">
      <c r="J115" s="23"/>
      <c r="K115" s="23"/>
      <c r="L115" s="23"/>
    </row>
    <row r="116" spans="10:12" s="21" customFormat="1" ht="22.5" customHeight="1" x14ac:dyDescent="0.4">
      <c r="J116" s="23"/>
      <c r="K116" s="23"/>
      <c r="L116" s="23"/>
    </row>
    <row r="117" spans="10:12" s="21" customFormat="1" ht="22.5" customHeight="1" x14ac:dyDescent="0.4">
      <c r="J117" s="23"/>
      <c r="K117" s="23"/>
      <c r="L117" s="23"/>
    </row>
    <row r="118" spans="10:12" s="21" customFormat="1" ht="22.5" customHeight="1" x14ac:dyDescent="0.4">
      <c r="J118" s="23"/>
      <c r="K118" s="23"/>
      <c r="L118" s="23"/>
    </row>
    <row r="119" spans="10:12" s="21" customFormat="1" ht="22.5" customHeight="1" x14ac:dyDescent="0.4">
      <c r="J119" s="23"/>
      <c r="K119" s="23"/>
      <c r="L119" s="23"/>
    </row>
    <row r="120" spans="10:12" s="21" customFormat="1" ht="22.5" customHeight="1" x14ac:dyDescent="0.4">
      <c r="J120" s="23"/>
      <c r="K120" s="23"/>
      <c r="L120" s="23"/>
    </row>
    <row r="121" spans="10:12" s="21" customFormat="1" ht="22.5" customHeight="1" x14ac:dyDescent="0.4">
      <c r="J121" s="23"/>
      <c r="K121" s="23"/>
      <c r="L121" s="23"/>
    </row>
    <row r="122" spans="10:12" s="21" customFormat="1" ht="22.5" customHeight="1" x14ac:dyDescent="0.4">
      <c r="J122" s="23"/>
      <c r="K122" s="23"/>
      <c r="L122" s="23"/>
    </row>
    <row r="123" spans="10:12" s="21" customFormat="1" ht="22.5" customHeight="1" x14ac:dyDescent="0.4">
      <c r="J123" s="23"/>
      <c r="K123" s="23"/>
      <c r="L123" s="23"/>
    </row>
    <row r="124" spans="10:12" s="21" customFormat="1" ht="22.5" customHeight="1" x14ac:dyDescent="0.4">
      <c r="J124" s="23"/>
      <c r="K124" s="23"/>
      <c r="L124" s="23"/>
    </row>
    <row r="125" spans="10:12" s="21" customFormat="1" ht="22.5" customHeight="1" x14ac:dyDescent="0.4">
      <c r="J125" s="23"/>
      <c r="K125" s="23"/>
      <c r="L125" s="23"/>
    </row>
    <row r="126" spans="10:12" s="21" customFormat="1" ht="22.5" customHeight="1" x14ac:dyDescent="0.4">
      <c r="J126" s="23"/>
      <c r="K126" s="23"/>
      <c r="L126" s="23"/>
    </row>
    <row r="127" spans="10:12" s="21" customFormat="1" ht="22.5" customHeight="1" x14ac:dyDescent="0.4">
      <c r="J127" s="23"/>
      <c r="K127" s="23"/>
      <c r="L127" s="23"/>
    </row>
    <row r="128" spans="10:12" s="21" customFormat="1" ht="22.5" customHeight="1" x14ac:dyDescent="0.4">
      <c r="J128" s="23"/>
      <c r="K128" s="23"/>
      <c r="L128" s="23"/>
    </row>
    <row r="129" spans="10:12" s="21" customFormat="1" ht="22.5" customHeight="1" x14ac:dyDescent="0.4">
      <c r="J129" s="23"/>
      <c r="K129" s="23"/>
      <c r="L129" s="23"/>
    </row>
    <row r="130" spans="10:12" s="21" customFormat="1" ht="22.5" customHeight="1" x14ac:dyDescent="0.4">
      <c r="J130" s="23"/>
      <c r="K130" s="23"/>
      <c r="L130" s="23"/>
    </row>
    <row r="131" spans="10:12" s="21" customFormat="1" ht="22.5" customHeight="1" x14ac:dyDescent="0.4">
      <c r="J131" s="23"/>
      <c r="K131" s="23"/>
      <c r="L131" s="23"/>
    </row>
    <row r="132" spans="10:12" s="21" customFormat="1" ht="22.5" customHeight="1" x14ac:dyDescent="0.4">
      <c r="J132" s="23"/>
      <c r="K132" s="23"/>
      <c r="L132" s="23"/>
    </row>
    <row r="133" spans="10:12" s="21" customFormat="1" ht="22.5" customHeight="1" x14ac:dyDescent="0.4">
      <c r="J133" s="23"/>
      <c r="K133" s="23"/>
      <c r="L133" s="23"/>
    </row>
    <row r="134" spans="10:12" s="21" customFormat="1" ht="22.5" customHeight="1" x14ac:dyDescent="0.4">
      <c r="J134" s="23"/>
      <c r="K134" s="23"/>
      <c r="L134" s="23"/>
    </row>
    <row r="135" spans="10:12" s="21" customFormat="1" ht="22.5" customHeight="1" x14ac:dyDescent="0.4">
      <c r="J135" s="23"/>
      <c r="K135" s="23"/>
      <c r="L135" s="23"/>
    </row>
    <row r="136" spans="10:12" s="21" customFormat="1" ht="22.5" customHeight="1" x14ac:dyDescent="0.4">
      <c r="J136" s="23"/>
      <c r="K136" s="23"/>
      <c r="L136" s="23"/>
    </row>
    <row r="137" spans="10:12" s="21" customFormat="1" ht="22.5" customHeight="1" x14ac:dyDescent="0.4">
      <c r="J137" s="23"/>
      <c r="K137" s="23"/>
      <c r="L137" s="23"/>
    </row>
    <row r="138" spans="10:12" s="21" customFormat="1" ht="22.5" customHeight="1" x14ac:dyDescent="0.4">
      <c r="J138" s="23"/>
      <c r="K138" s="23"/>
      <c r="L138" s="23"/>
    </row>
    <row r="139" spans="10:12" s="21" customFormat="1" ht="22.5" customHeight="1" x14ac:dyDescent="0.4">
      <c r="J139" s="23"/>
      <c r="K139" s="23"/>
      <c r="L139" s="23"/>
    </row>
    <row r="140" spans="10:12" s="21" customFormat="1" ht="22.5" customHeight="1" x14ac:dyDescent="0.4">
      <c r="J140" s="23"/>
      <c r="K140" s="23"/>
      <c r="L140" s="23"/>
    </row>
    <row r="141" spans="10:12" s="21" customFormat="1" ht="22.5" customHeight="1" x14ac:dyDescent="0.4">
      <c r="J141" s="23"/>
      <c r="K141" s="23"/>
      <c r="L141" s="23"/>
    </row>
    <row r="142" spans="10:12" s="21" customFormat="1" ht="22.5" customHeight="1" x14ac:dyDescent="0.4">
      <c r="J142" s="23"/>
      <c r="K142" s="23"/>
      <c r="L142" s="23"/>
    </row>
    <row r="143" spans="10:12" s="21" customFormat="1" ht="22.5" customHeight="1" x14ac:dyDescent="0.4">
      <c r="J143" s="23"/>
      <c r="K143" s="23"/>
      <c r="L143" s="23"/>
    </row>
    <row r="144" spans="10:12" s="21" customFormat="1" ht="22.5" customHeight="1" x14ac:dyDescent="0.4">
      <c r="J144" s="23"/>
      <c r="K144" s="23"/>
      <c r="L144" s="23"/>
    </row>
    <row r="145" spans="10:12" s="21" customFormat="1" ht="22.5" customHeight="1" x14ac:dyDescent="0.4">
      <c r="J145" s="23"/>
      <c r="K145" s="23"/>
      <c r="L145" s="23"/>
    </row>
    <row r="146" spans="10:12" s="21" customFormat="1" ht="22.5" customHeight="1" x14ac:dyDescent="0.4">
      <c r="J146" s="23"/>
      <c r="K146" s="23"/>
      <c r="L146" s="23"/>
    </row>
    <row r="147" spans="10:12" s="21" customFormat="1" ht="22.5" customHeight="1" x14ac:dyDescent="0.4">
      <c r="J147" s="23"/>
      <c r="K147" s="23"/>
      <c r="L147" s="23"/>
    </row>
    <row r="148" spans="10:12" s="21" customFormat="1" ht="22.5" customHeight="1" x14ac:dyDescent="0.4">
      <c r="J148" s="23"/>
      <c r="K148" s="23"/>
      <c r="L148" s="23"/>
    </row>
    <row r="149" spans="10:12" s="21" customFormat="1" ht="22.5" customHeight="1" x14ac:dyDescent="0.4">
      <c r="J149" s="23"/>
      <c r="K149" s="23"/>
      <c r="L149" s="23"/>
    </row>
    <row r="150" spans="10:12" s="21" customFormat="1" ht="22.5" customHeight="1" x14ac:dyDescent="0.4">
      <c r="J150" s="23"/>
      <c r="K150" s="23"/>
      <c r="L150" s="23"/>
    </row>
    <row r="151" spans="10:12" s="21" customFormat="1" ht="22.5" customHeight="1" x14ac:dyDescent="0.4">
      <c r="J151" s="23"/>
      <c r="K151" s="23"/>
      <c r="L151" s="23"/>
    </row>
    <row r="152" spans="10:12" s="21" customFormat="1" ht="22.5" customHeight="1" x14ac:dyDescent="0.4">
      <c r="J152" s="23"/>
      <c r="K152" s="23"/>
      <c r="L152" s="23"/>
    </row>
    <row r="153" spans="10:12" s="21" customFormat="1" ht="22.5" customHeight="1" x14ac:dyDescent="0.4">
      <c r="J153" s="23"/>
      <c r="K153" s="23"/>
      <c r="L153" s="23"/>
    </row>
    <row r="154" spans="10:12" s="21" customFormat="1" ht="22.5" customHeight="1" x14ac:dyDescent="0.4">
      <c r="J154" s="23"/>
      <c r="K154" s="23"/>
      <c r="L154" s="23"/>
    </row>
    <row r="155" spans="10:12" s="21" customFormat="1" ht="22.5" customHeight="1" x14ac:dyDescent="0.4">
      <c r="J155" s="23"/>
      <c r="K155" s="23"/>
      <c r="L155" s="23"/>
    </row>
    <row r="156" spans="10:12" s="21" customFormat="1" ht="22.5" customHeight="1" x14ac:dyDescent="0.4">
      <c r="J156" s="23"/>
      <c r="K156" s="23"/>
      <c r="L156" s="23"/>
    </row>
    <row r="157" spans="10:12" s="21" customFormat="1" ht="22.5" customHeight="1" x14ac:dyDescent="0.4">
      <c r="J157" s="23"/>
      <c r="K157" s="23"/>
      <c r="L157" s="23"/>
    </row>
    <row r="158" spans="10:12" s="21" customFormat="1" ht="22.5" customHeight="1" x14ac:dyDescent="0.4">
      <c r="J158" s="23"/>
      <c r="K158" s="23"/>
      <c r="L158" s="23"/>
    </row>
    <row r="159" spans="10:12" s="21" customFormat="1" ht="22.5" customHeight="1" x14ac:dyDescent="0.4">
      <c r="J159" s="23"/>
      <c r="K159" s="23"/>
      <c r="L159" s="23"/>
    </row>
    <row r="160" spans="10:12" s="21" customFormat="1" ht="22.5" customHeight="1" x14ac:dyDescent="0.4">
      <c r="J160" s="23"/>
      <c r="K160" s="23"/>
      <c r="L160" s="23"/>
    </row>
    <row r="161" spans="10:12" s="21" customFormat="1" ht="22.5" customHeight="1" x14ac:dyDescent="0.4">
      <c r="J161" s="23"/>
      <c r="K161" s="23"/>
      <c r="L161" s="23"/>
    </row>
    <row r="162" spans="10:12" s="21" customFormat="1" ht="22.5" customHeight="1" x14ac:dyDescent="0.4">
      <c r="J162" s="23"/>
      <c r="K162" s="23"/>
      <c r="L162" s="23"/>
    </row>
    <row r="163" spans="10:12" s="21" customFormat="1" ht="22.5" customHeight="1" x14ac:dyDescent="0.4">
      <c r="J163" s="23"/>
      <c r="K163" s="23"/>
      <c r="L163" s="23"/>
    </row>
    <row r="164" spans="10:12" s="21" customFormat="1" ht="22.5" customHeight="1" x14ac:dyDescent="0.4">
      <c r="J164" s="23"/>
      <c r="K164" s="23"/>
      <c r="L164" s="23"/>
    </row>
    <row r="165" spans="10:12" s="21" customFormat="1" ht="22.5" customHeight="1" x14ac:dyDescent="0.4">
      <c r="J165" s="23"/>
      <c r="K165" s="23"/>
      <c r="L165" s="23"/>
    </row>
    <row r="166" spans="10:12" s="21" customFormat="1" ht="22.5" customHeight="1" x14ac:dyDescent="0.4">
      <c r="J166" s="23"/>
      <c r="K166" s="23"/>
      <c r="L166" s="23"/>
    </row>
    <row r="167" spans="10:12" s="21" customFormat="1" ht="22.5" customHeight="1" x14ac:dyDescent="0.4">
      <c r="J167" s="23"/>
      <c r="K167" s="23"/>
      <c r="L167" s="23"/>
    </row>
    <row r="168" spans="10:12" s="21" customFormat="1" ht="22.5" customHeight="1" x14ac:dyDescent="0.4">
      <c r="J168" s="23"/>
      <c r="K168" s="23"/>
      <c r="L168" s="23"/>
    </row>
    <row r="169" spans="10:12" s="21" customFormat="1" ht="22.5" customHeight="1" x14ac:dyDescent="0.4">
      <c r="J169" s="23"/>
      <c r="K169" s="23"/>
      <c r="L169" s="23"/>
    </row>
    <row r="170" spans="10:12" s="21" customFormat="1" ht="22.5" customHeight="1" x14ac:dyDescent="0.4">
      <c r="J170" s="23"/>
      <c r="K170" s="23"/>
      <c r="L170" s="23"/>
    </row>
    <row r="171" spans="10:12" s="21" customFormat="1" ht="22.5" customHeight="1" x14ac:dyDescent="0.4">
      <c r="J171" s="23"/>
      <c r="K171" s="23"/>
      <c r="L171" s="23"/>
    </row>
    <row r="172" spans="10:12" s="21" customFormat="1" ht="22.5" customHeight="1" x14ac:dyDescent="0.4">
      <c r="J172" s="23"/>
      <c r="K172" s="23"/>
      <c r="L172" s="23"/>
    </row>
    <row r="173" spans="10:12" s="21" customFormat="1" ht="22.5" customHeight="1" x14ac:dyDescent="0.4">
      <c r="J173" s="23"/>
      <c r="K173" s="23"/>
      <c r="L173" s="23"/>
    </row>
    <row r="174" spans="10:12" s="21" customFormat="1" ht="22.5" customHeight="1" x14ac:dyDescent="0.4">
      <c r="J174" s="23"/>
      <c r="K174" s="23"/>
      <c r="L174" s="23"/>
    </row>
    <row r="175" spans="10:12" s="21" customFormat="1" ht="22.5" customHeight="1" x14ac:dyDescent="0.4">
      <c r="J175" s="23"/>
      <c r="K175" s="23"/>
      <c r="L175" s="23"/>
    </row>
    <row r="176" spans="10:12" s="21" customFormat="1" ht="22.5" customHeight="1" x14ac:dyDescent="0.4">
      <c r="J176" s="23"/>
      <c r="K176" s="23"/>
      <c r="L176" s="23"/>
    </row>
    <row r="177" spans="10:12" s="21" customFormat="1" ht="22.5" customHeight="1" x14ac:dyDescent="0.4">
      <c r="J177" s="23"/>
      <c r="K177" s="23"/>
      <c r="L177" s="23"/>
    </row>
    <row r="178" spans="10:12" s="21" customFormat="1" ht="22.5" customHeight="1" x14ac:dyDescent="0.4">
      <c r="J178" s="23"/>
      <c r="K178" s="23"/>
      <c r="L178" s="23"/>
    </row>
    <row r="179" spans="10:12" s="21" customFormat="1" ht="22.5" customHeight="1" x14ac:dyDescent="0.4">
      <c r="J179" s="23"/>
      <c r="K179" s="23"/>
      <c r="L179" s="23"/>
    </row>
    <row r="180" spans="10:12" s="21" customFormat="1" ht="22.5" customHeight="1" x14ac:dyDescent="0.4">
      <c r="J180" s="23"/>
      <c r="K180" s="23"/>
      <c r="L180" s="23"/>
    </row>
    <row r="181" spans="10:12" s="21" customFormat="1" ht="22.5" customHeight="1" x14ac:dyDescent="0.4">
      <c r="J181" s="23"/>
      <c r="K181" s="23"/>
      <c r="L181" s="23"/>
    </row>
    <row r="182" spans="10:12" s="21" customFormat="1" ht="22.5" customHeight="1" x14ac:dyDescent="0.4">
      <c r="J182" s="23"/>
      <c r="K182" s="23"/>
      <c r="L182" s="23"/>
    </row>
    <row r="183" spans="10:12" s="21" customFormat="1" ht="22.5" customHeight="1" x14ac:dyDescent="0.4">
      <c r="J183" s="23"/>
      <c r="K183" s="23"/>
      <c r="L183" s="23"/>
    </row>
    <row r="184" spans="10:12" s="21" customFormat="1" ht="22.5" customHeight="1" x14ac:dyDescent="0.4">
      <c r="J184" s="23"/>
      <c r="K184" s="23"/>
      <c r="L184" s="23"/>
    </row>
    <row r="185" spans="10:12" s="21" customFormat="1" ht="22.5" customHeight="1" x14ac:dyDescent="0.4">
      <c r="J185" s="23"/>
      <c r="K185" s="23"/>
      <c r="L185" s="23"/>
    </row>
    <row r="186" spans="10:12" s="21" customFormat="1" ht="22.5" customHeight="1" x14ac:dyDescent="0.4"/>
    <row r="187" spans="10:12" s="21" customFormat="1" ht="22.5" customHeight="1" x14ac:dyDescent="0.4"/>
    <row r="188" spans="10:12" s="21" customFormat="1" ht="22.5" customHeight="1" x14ac:dyDescent="0.4"/>
    <row r="189" spans="10:12" s="21" customFormat="1" ht="22.5" customHeight="1" x14ac:dyDescent="0.4"/>
    <row r="190" spans="10:12" s="21" customFormat="1" ht="22.5" customHeight="1" x14ac:dyDescent="0.4"/>
    <row r="191" spans="10:12" s="21" customFormat="1" ht="22.5" customHeight="1" x14ac:dyDescent="0.4"/>
    <row r="192" spans="10:12" s="21" customFormat="1" ht="22.5" customHeight="1" x14ac:dyDescent="0.4"/>
  </sheetData>
  <sheetProtection selectLockedCells="1" selectUnlockedCells="1"/>
  <mergeCells count="3">
    <mergeCell ref="B6:L6"/>
    <mergeCell ref="B7:L7"/>
    <mergeCell ref="B9:D9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6" orientation="portrait" blackAndWhite="1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BE200E7-CDAF-4EC7-97C5-810E3A01BCEB}">
  <sheetPr codeName="Sheet14"/>
  <dimension ref="A1:N59"/>
  <sheetViews>
    <sheetView showGridLines="0" tabSelected="1" view="pageBreakPreview" zoomScale="50" zoomScaleNormal="60" zoomScaleSheetLayoutView="50" workbookViewId="0">
      <selection activeCell="B6" sqref="B6:R6"/>
    </sheetView>
  </sheetViews>
  <sheetFormatPr defaultColWidth="8.875" defaultRowHeight="22.5" customHeight="1" x14ac:dyDescent="0.4"/>
  <cols>
    <col min="1" max="1" width="7.5" style="39" customWidth="1"/>
    <col min="2" max="2" width="7.625" style="39" customWidth="1"/>
    <col min="3" max="8" width="3.5" style="39" customWidth="1"/>
    <col min="9" max="9" width="8.75" style="39" customWidth="1"/>
    <col min="10" max="12" width="34.625" style="39" customWidth="1"/>
    <col min="13" max="13" width="7.625" style="39" customWidth="1"/>
    <col min="14" max="14" width="7.5" style="39" customWidth="1"/>
    <col min="15" max="16384" width="8.875" style="1"/>
  </cols>
  <sheetData>
    <row r="1" spans="1:14" ht="22.5" customHeight="1" x14ac:dyDescent="0.4">
      <c r="B1" s="40" t="s">
        <v>66</v>
      </c>
      <c r="C1" s="1"/>
    </row>
    <row r="2" spans="1:14" ht="22.5" customHeight="1" x14ac:dyDescent="0.4">
      <c r="B2" s="40" t="s">
        <v>67</v>
      </c>
      <c r="C2" s="1"/>
    </row>
    <row r="3" spans="1:14" ht="22.5" customHeight="1" x14ac:dyDescent="0.4">
      <c r="B3" s="40" t="s">
        <v>68</v>
      </c>
      <c r="C3" s="1"/>
    </row>
    <row r="4" spans="1:14" ht="22.5" customHeight="1" x14ac:dyDescent="0.4">
      <c r="A4" s="41"/>
      <c r="B4" s="42"/>
      <c r="C4" s="42"/>
      <c r="D4" s="42"/>
      <c r="E4" s="42"/>
      <c r="F4" s="42"/>
      <c r="G4" s="42"/>
      <c r="H4" s="42"/>
      <c r="I4" s="42"/>
      <c r="J4" s="42"/>
      <c r="K4" s="42"/>
      <c r="L4" s="42"/>
      <c r="M4" s="42"/>
      <c r="N4" s="43"/>
    </row>
    <row r="5" spans="1:14" ht="22.5" customHeight="1" x14ac:dyDescent="0.4">
      <c r="A5" s="44"/>
      <c r="C5" s="45"/>
      <c r="D5" s="46"/>
      <c r="E5" s="46"/>
      <c r="F5" s="46"/>
      <c r="G5" s="46"/>
      <c r="H5" s="46"/>
      <c r="I5" s="46"/>
      <c r="J5" s="46"/>
      <c r="K5" s="46"/>
      <c r="L5" s="46"/>
      <c r="N5" s="47"/>
    </row>
    <row r="6" spans="1:14" ht="28.5" x14ac:dyDescent="0.4">
      <c r="A6" s="44"/>
      <c r="B6" s="139" t="s">
        <v>4</v>
      </c>
      <c r="C6" s="140"/>
      <c r="D6" s="140"/>
      <c r="E6" s="140"/>
      <c r="F6" s="140"/>
      <c r="G6" s="140"/>
      <c r="H6" s="140"/>
      <c r="I6" s="140"/>
      <c r="J6" s="140"/>
      <c r="K6" s="140"/>
      <c r="L6" s="140"/>
      <c r="M6" s="140"/>
      <c r="N6" s="47"/>
    </row>
    <row r="7" spans="1:14" ht="22.5" customHeight="1" x14ac:dyDescent="0.4">
      <c r="A7" s="44"/>
      <c r="B7" s="141" t="s">
        <v>112</v>
      </c>
      <c r="C7" s="140"/>
      <c r="D7" s="140"/>
      <c r="E7" s="140"/>
      <c r="F7" s="140"/>
      <c r="G7" s="140"/>
      <c r="H7" s="140"/>
      <c r="I7" s="140"/>
      <c r="J7" s="140"/>
      <c r="K7" s="140"/>
      <c r="L7" s="140"/>
      <c r="M7" s="140"/>
      <c r="N7" s="47"/>
    </row>
    <row r="8" spans="1:14" ht="22.5" customHeight="1" x14ac:dyDescent="0.4">
      <c r="A8" s="28"/>
      <c r="B8" s="21"/>
      <c r="C8" s="138"/>
      <c r="D8" s="138"/>
      <c r="E8" s="138"/>
      <c r="F8" s="142" t="s">
        <v>1</v>
      </c>
      <c r="G8" s="138"/>
      <c r="H8" s="138"/>
      <c r="I8" s="48"/>
      <c r="J8" s="21"/>
      <c r="K8" s="21"/>
      <c r="L8" s="21"/>
      <c r="M8" s="21"/>
      <c r="N8" s="30"/>
    </row>
    <row r="9" spans="1:14" ht="22.5" customHeight="1" x14ac:dyDescent="0.4">
      <c r="A9" s="28"/>
      <c r="B9" s="21"/>
      <c r="C9" s="21"/>
      <c r="D9" s="21"/>
      <c r="E9" s="21"/>
      <c r="F9" s="21"/>
      <c r="G9" s="21"/>
      <c r="H9" s="21"/>
      <c r="I9" s="21"/>
      <c r="J9" s="21"/>
      <c r="K9" s="21"/>
      <c r="L9" s="21"/>
      <c r="M9" s="21"/>
      <c r="N9" s="30"/>
    </row>
    <row r="10" spans="1:14" ht="22.5" customHeight="1" x14ac:dyDescent="0.4">
      <c r="A10" s="28"/>
      <c r="B10" s="21"/>
      <c r="C10" s="136"/>
      <c r="D10" s="136"/>
      <c r="E10" s="136"/>
      <c r="F10" s="21"/>
      <c r="G10" s="49"/>
      <c r="H10" s="21"/>
      <c r="I10" s="21"/>
      <c r="J10" s="21"/>
      <c r="K10" s="21"/>
      <c r="L10" s="14" t="s">
        <v>2</v>
      </c>
      <c r="M10" s="21"/>
      <c r="N10" s="30"/>
    </row>
    <row r="11" spans="1:14" ht="22.5" customHeight="1" x14ac:dyDescent="0.4">
      <c r="A11" s="28"/>
      <c r="B11" s="21"/>
      <c r="C11" s="137" t="s">
        <v>5</v>
      </c>
      <c r="D11" s="137"/>
      <c r="E11" s="137"/>
      <c r="F11" s="137"/>
      <c r="G11" s="137"/>
      <c r="H11" s="137"/>
      <c r="I11" s="137"/>
      <c r="J11" s="50" t="s">
        <v>6</v>
      </c>
      <c r="K11" s="50" t="s">
        <v>7</v>
      </c>
      <c r="L11" s="50" t="s">
        <v>8</v>
      </c>
      <c r="M11" s="21"/>
      <c r="N11" s="30"/>
    </row>
    <row r="12" spans="1:14" ht="22.5" customHeight="1" x14ac:dyDescent="0.4">
      <c r="A12" s="28"/>
      <c r="B12" s="21"/>
      <c r="C12" s="137" t="s">
        <v>9</v>
      </c>
      <c r="D12" s="137"/>
      <c r="E12" s="137"/>
      <c r="F12" s="137"/>
      <c r="G12" s="137"/>
      <c r="H12" s="137"/>
      <c r="I12" s="137"/>
      <c r="J12" s="51">
        <v>15248417132</v>
      </c>
      <c r="K12" s="51">
        <v>0</v>
      </c>
      <c r="L12" s="51">
        <v>15248417132</v>
      </c>
      <c r="M12" s="21"/>
      <c r="N12" s="30"/>
    </row>
    <row r="13" spans="1:14" ht="22.5" customHeight="1" x14ac:dyDescent="0.4">
      <c r="A13" s="28"/>
      <c r="B13" s="21"/>
      <c r="C13" s="137" t="s">
        <v>10</v>
      </c>
      <c r="D13" s="137"/>
      <c r="E13" s="137"/>
      <c r="F13" s="137"/>
      <c r="G13" s="137"/>
      <c r="H13" s="137"/>
      <c r="I13" s="137"/>
      <c r="J13" s="51">
        <v>-173249049</v>
      </c>
      <c r="K13" s="51">
        <v>0</v>
      </c>
      <c r="L13" s="51">
        <v>-173249049</v>
      </c>
      <c r="M13" s="21"/>
      <c r="N13" s="30"/>
    </row>
    <row r="14" spans="1:14" ht="22.5" customHeight="1" x14ac:dyDescent="0.4">
      <c r="A14" s="28"/>
      <c r="B14" s="21"/>
      <c r="C14" s="137" t="s">
        <v>11</v>
      </c>
      <c r="D14" s="137"/>
      <c r="E14" s="137"/>
      <c r="F14" s="137"/>
      <c r="G14" s="137"/>
      <c r="H14" s="137"/>
      <c r="I14" s="137"/>
      <c r="J14" s="51">
        <v>15075168083</v>
      </c>
      <c r="K14" s="51">
        <v>0</v>
      </c>
      <c r="L14" s="51">
        <v>15075168083</v>
      </c>
      <c r="M14" s="21"/>
      <c r="N14" s="30"/>
    </row>
    <row r="15" spans="1:14" ht="18.75" x14ac:dyDescent="0.4">
      <c r="A15" s="28"/>
      <c r="B15" s="21"/>
      <c r="C15" s="21"/>
      <c r="D15" s="21"/>
      <c r="E15" s="21"/>
      <c r="F15" s="21"/>
      <c r="G15" s="21"/>
      <c r="H15" s="21"/>
      <c r="I15" s="21"/>
      <c r="J15" s="21"/>
      <c r="K15" s="21"/>
      <c r="L15" s="21"/>
      <c r="M15" s="21"/>
      <c r="N15" s="30"/>
    </row>
    <row r="16" spans="1:14" ht="22.5" customHeight="1" x14ac:dyDescent="0.4">
      <c r="A16" s="28"/>
      <c r="B16" s="21"/>
      <c r="C16" s="21"/>
      <c r="D16" s="21"/>
      <c r="E16" s="21"/>
      <c r="F16" s="21"/>
      <c r="G16" s="21"/>
      <c r="H16" s="21"/>
      <c r="I16" s="21"/>
      <c r="J16" s="21"/>
      <c r="K16" s="21"/>
      <c r="L16" s="21"/>
      <c r="M16" s="21"/>
      <c r="N16" s="30"/>
    </row>
    <row r="17" spans="1:14" ht="22.5" customHeight="1" x14ac:dyDescent="0.4">
      <c r="A17" s="28"/>
      <c r="B17" s="21"/>
      <c r="C17" s="21"/>
      <c r="D17" s="21"/>
      <c r="E17" s="21"/>
      <c r="F17" s="21"/>
      <c r="G17" s="21"/>
      <c r="H17" s="21"/>
      <c r="I17" s="21"/>
      <c r="J17" s="21"/>
      <c r="K17" s="21"/>
      <c r="L17" s="21"/>
      <c r="M17" s="21"/>
      <c r="N17" s="30"/>
    </row>
    <row r="18" spans="1:14" ht="22.5" customHeight="1" x14ac:dyDescent="0.4">
      <c r="A18" s="28"/>
      <c r="B18" s="21"/>
      <c r="C18" s="21"/>
      <c r="D18" s="21"/>
      <c r="E18" s="21"/>
      <c r="F18" s="21"/>
      <c r="G18" s="21"/>
      <c r="H18" s="21"/>
      <c r="I18" s="21"/>
      <c r="J18" s="21"/>
      <c r="K18" s="21"/>
      <c r="L18" s="21"/>
      <c r="M18" s="21"/>
      <c r="N18" s="30"/>
    </row>
    <row r="19" spans="1:14" ht="22.5" customHeight="1" x14ac:dyDescent="0.4">
      <c r="A19" s="28"/>
      <c r="B19" s="21"/>
      <c r="C19" s="21"/>
      <c r="D19" s="21"/>
      <c r="E19" s="21"/>
      <c r="F19" s="21"/>
      <c r="G19" s="21"/>
      <c r="H19" s="21"/>
      <c r="I19" s="21"/>
      <c r="J19" s="21"/>
      <c r="K19" s="21"/>
      <c r="L19" s="21"/>
      <c r="M19" s="21"/>
      <c r="N19" s="30"/>
    </row>
    <row r="20" spans="1:14" ht="50.1" customHeight="1" x14ac:dyDescent="0.4">
      <c r="A20" s="28"/>
      <c r="B20" s="21"/>
      <c r="C20" s="21"/>
      <c r="D20" s="21"/>
      <c r="E20" s="21"/>
      <c r="F20" s="21"/>
      <c r="G20" s="21"/>
      <c r="H20" s="21"/>
      <c r="I20" s="21"/>
      <c r="J20" s="21"/>
      <c r="K20" s="21"/>
      <c r="L20" s="21"/>
      <c r="M20" s="21"/>
      <c r="N20" s="30"/>
    </row>
    <row r="21" spans="1:14" ht="50.1" customHeight="1" x14ac:dyDescent="0.4">
      <c r="A21" s="44"/>
      <c r="N21" s="47"/>
    </row>
    <row r="22" spans="1:14" ht="50.1" customHeight="1" x14ac:dyDescent="0.4">
      <c r="A22" s="44"/>
      <c r="N22" s="47"/>
    </row>
    <row r="23" spans="1:14" ht="50.1" customHeight="1" x14ac:dyDescent="0.4">
      <c r="A23" s="44"/>
      <c r="N23" s="47"/>
    </row>
    <row r="24" spans="1:14" ht="22.5" customHeight="1" x14ac:dyDescent="0.4">
      <c r="A24" s="44"/>
      <c r="N24" s="47"/>
    </row>
    <row r="25" spans="1:14" ht="22.5" customHeight="1" x14ac:dyDescent="0.4">
      <c r="A25" s="44"/>
      <c r="N25" s="47"/>
    </row>
    <row r="26" spans="1:14" ht="22.5" customHeight="1" x14ac:dyDescent="0.4">
      <c r="A26" s="44"/>
      <c r="N26" s="47"/>
    </row>
    <row r="27" spans="1:14" ht="22.5" customHeight="1" x14ac:dyDescent="0.4">
      <c r="A27" s="44"/>
      <c r="N27" s="47"/>
    </row>
    <row r="28" spans="1:14" ht="22.5" customHeight="1" x14ac:dyDescent="0.4">
      <c r="A28" s="44"/>
      <c r="N28" s="47"/>
    </row>
    <row r="29" spans="1:14" ht="22.5" customHeight="1" x14ac:dyDescent="0.4">
      <c r="A29" s="44"/>
      <c r="N29" s="47"/>
    </row>
    <row r="30" spans="1:14" ht="22.5" customHeight="1" x14ac:dyDescent="0.4">
      <c r="A30" s="44"/>
      <c r="N30" s="47"/>
    </row>
    <row r="31" spans="1:14" ht="22.5" customHeight="1" x14ac:dyDescent="0.4">
      <c r="A31" s="44"/>
      <c r="N31" s="47"/>
    </row>
    <row r="32" spans="1:14" ht="22.5" customHeight="1" x14ac:dyDescent="0.4">
      <c r="A32" s="44"/>
      <c r="N32" s="47"/>
    </row>
    <row r="33" spans="1:14" ht="22.5" customHeight="1" x14ac:dyDescent="0.4">
      <c r="A33" s="44"/>
      <c r="N33" s="47"/>
    </row>
    <row r="34" spans="1:14" ht="22.5" customHeight="1" x14ac:dyDescent="0.4">
      <c r="A34" s="44"/>
      <c r="N34" s="47"/>
    </row>
    <row r="35" spans="1:14" ht="22.5" customHeight="1" x14ac:dyDescent="0.4">
      <c r="A35" s="44"/>
      <c r="N35" s="47"/>
    </row>
    <row r="36" spans="1:14" ht="22.5" customHeight="1" x14ac:dyDescent="0.4">
      <c r="A36" s="44"/>
      <c r="N36" s="47"/>
    </row>
    <row r="37" spans="1:14" ht="22.5" customHeight="1" x14ac:dyDescent="0.4">
      <c r="A37" s="44"/>
      <c r="N37" s="47"/>
    </row>
    <row r="38" spans="1:14" ht="22.5" customHeight="1" x14ac:dyDescent="0.4">
      <c r="A38" s="44"/>
      <c r="N38" s="47"/>
    </row>
    <row r="39" spans="1:14" ht="22.5" customHeight="1" x14ac:dyDescent="0.4">
      <c r="A39" s="44"/>
      <c r="N39" s="47"/>
    </row>
    <row r="40" spans="1:14" ht="22.5" customHeight="1" x14ac:dyDescent="0.4">
      <c r="A40" s="44"/>
      <c r="N40" s="47"/>
    </row>
    <row r="41" spans="1:14" ht="22.5" customHeight="1" x14ac:dyDescent="0.4">
      <c r="A41" s="44"/>
      <c r="N41" s="47"/>
    </row>
    <row r="42" spans="1:14" ht="22.5" customHeight="1" x14ac:dyDescent="0.4">
      <c r="A42" s="44"/>
      <c r="N42" s="47"/>
    </row>
    <row r="43" spans="1:14" ht="22.5" customHeight="1" x14ac:dyDescent="0.4">
      <c r="A43" s="44"/>
      <c r="N43" s="47"/>
    </row>
    <row r="44" spans="1:14" ht="22.5" customHeight="1" x14ac:dyDescent="0.4">
      <c r="A44" s="44"/>
      <c r="N44" s="47"/>
    </row>
    <row r="45" spans="1:14" ht="22.5" customHeight="1" x14ac:dyDescent="0.4">
      <c r="A45" s="44"/>
      <c r="N45" s="47"/>
    </row>
    <row r="46" spans="1:14" ht="22.5" customHeight="1" x14ac:dyDescent="0.4">
      <c r="A46" s="44"/>
      <c r="N46" s="47"/>
    </row>
    <row r="47" spans="1:14" ht="22.5" customHeight="1" x14ac:dyDescent="0.4">
      <c r="A47" s="44"/>
      <c r="N47" s="47"/>
    </row>
    <row r="48" spans="1:14" ht="22.5" customHeight="1" x14ac:dyDescent="0.4">
      <c r="A48" s="44"/>
      <c r="N48" s="47"/>
    </row>
    <row r="49" spans="1:14" ht="22.5" customHeight="1" x14ac:dyDescent="0.4">
      <c r="A49" s="44"/>
      <c r="N49" s="47"/>
    </row>
    <row r="50" spans="1:14" ht="22.5" customHeight="1" x14ac:dyDescent="0.4">
      <c r="A50" s="44"/>
      <c r="N50" s="47"/>
    </row>
    <row r="51" spans="1:14" ht="22.5" customHeight="1" x14ac:dyDescent="0.4">
      <c r="A51" s="44"/>
      <c r="N51" s="47"/>
    </row>
    <row r="52" spans="1:14" ht="22.5" customHeight="1" x14ac:dyDescent="0.4">
      <c r="A52" s="44"/>
      <c r="N52" s="47"/>
    </row>
    <row r="53" spans="1:14" ht="22.5" customHeight="1" x14ac:dyDescent="0.4">
      <c r="A53" s="44"/>
      <c r="N53" s="47"/>
    </row>
    <row r="54" spans="1:14" ht="22.5" customHeight="1" x14ac:dyDescent="0.4">
      <c r="A54" s="44"/>
      <c r="N54" s="47"/>
    </row>
    <row r="55" spans="1:14" ht="22.5" customHeight="1" x14ac:dyDescent="0.4">
      <c r="A55" s="44"/>
      <c r="N55" s="47"/>
    </row>
    <row r="56" spans="1:14" ht="22.5" customHeight="1" x14ac:dyDescent="0.4">
      <c r="A56" s="44"/>
      <c r="N56" s="47"/>
    </row>
    <row r="57" spans="1:14" ht="22.5" customHeight="1" x14ac:dyDescent="0.4">
      <c r="A57" s="44"/>
      <c r="N57" s="47"/>
    </row>
    <row r="58" spans="1:14" ht="22.5" customHeight="1" x14ac:dyDescent="0.4">
      <c r="A58" s="44"/>
      <c r="N58" s="47"/>
    </row>
    <row r="59" spans="1:14" ht="22.5" customHeight="1" x14ac:dyDescent="0.4">
      <c r="A59" s="52"/>
      <c r="B59" s="53"/>
      <c r="C59" s="53"/>
      <c r="D59" s="53"/>
      <c r="E59" s="53"/>
      <c r="F59" s="53"/>
      <c r="G59" s="53"/>
      <c r="H59" s="53"/>
      <c r="I59" s="53"/>
      <c r="J59" s="53"/>
      <c r="K59" s="53"/>
      <c r="L59" s="53"/>
      <c r="M59" s="53"/>
      <c r="N59" s="54"/>
    </row>
  </sheetData>
  <sheetProtection selectLockedCells="1" selectUnlockedCells="1"/>
  <mergeCells count="9">
    <mergeCell ref="C13:I13"/>
    <mergeCell ref="C14:I14"/>
    <mergeCell ref="C8:E8"/>
    <mergeCell ref="B6:M6"/>
    <mergeCell ref="B7:M7"/>
    <mergeCell ref="F8:H8"/>
    <mergeCell ref="C10:E10"/>
    <mergeCell ref="C11:I11"/>
    <mergeCell ref="C12:I12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6" orientation="portrait" blackAndWhite="1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2D9FB6A-7EC1-437F-AEA5-10B65C990700}">
  <sheetPr codeName="Sheet13"/>
  <dimension ref="A1:U194"/>
  <sheetViews>
    <sheetView showGridLines="0" tabSelected="1" view="pageBreakPreview" zoomScale="50" zoomScaleNormal="60" zoomScaleSheetLayoutView="50" workbookViewId="0">
      <selection activeCell="B6" sqref="B6:R6"/>
    </sheetView>
  </sheetViews>
  <sheetFormatPr defaultColWidth="8.875" defaultRowHeight="22.5" customHeight="1" x14ac:dyDescent="0.4"/>
  <cols>
    <col min="1" max="1" width="3.625" style="1" customWidth="1"/>
    <col min="2" max="7" width="1.875" style="1" customWidth="1"/>
    <col min="8" max="8" width="36.625" style="1" customWidth="1"/>
    <col min="9" max="9" width="33.625" style="1" customWidth="1"/>
    <col min="10" max="10" width="1.125" style="1" customWidth="1"/>
    <col min="11" max="11" width="2.25" style="1" customWidth="1"/>
    <col min="12" max="17" width="1.875" style="1" customWidth="1"/>
    <col min="18" max="18" width="36.625" style="1" customWidth="1"/>
    <col min="19" max="19" width="33.625" style="1" customWidth="1"/>
    <col min="20" max="20" width="1.125" style="1" customWidth="1"/>
    <col min="21" max="21" width="3.625" style="1" customWidth="1"/>
    <col min="22" max="16384" width="8.875" style="1"/>
  </cols>
  <sheetData>
    <row r="1" spans="1:21" ht="22.5" customHeight="1" x14ac:dyDescent="0.4">
      <c r="B1" s="40" t="s">
        <v>66</v>
      </c>
    </row>
    <row r="2" spans="1:21" ht="22.5" customHeight="1" x14ac:dyDescent="0.4">
      <c r="B2" s="40" t="s">
        <v>67</v>
      </c>
    </row>
    <row r="3" spans="1:21" ht="22.5" customHeight="1" x14ac:dyDescent="0.4">
      <c r="B3" s="40" t="s">
        <v>68</v>
      </c>
    </row>
    <row r="4" spans="1:21" ht="22.5" customHeight="1" x14ac:dyDescent="0.4">
      <c r="A4" s="55"/>
      <c r="B4" s="4"/>
      <c r="C4" s="4"/>
      <c r="D4" s="4"/>
      <c r="E4" s="4"/>
      <c r="F4" s="4"/>
      <c r="G4" s="4"/>
      <c r="H4" s="4"/>
      <c r="I4" s="4"/>
      <c r="J4" s="4"/>
      <c r="K4" s="4"/>
      <c r="L4" s="4"/>
      <c r="M4" s="4"/>
      <c r="N4" s="4"/>
      <c r="O4" s="4"/>
      <c r="P4" s="4"/>
      <c r="Q4" s="4"/>
      <c r="R4" s="4"/>
      <c r="S4" s="4"/>
      <c r="T4" s="4"/>
      <c r="U4" s="5"/>
    </row>
    <row r="5" spans="1:21" ht="22.5" customHeight="1" x14ac:dyDescent="0.2">
      <c r="A5" s="6"/>
      <c r="C5" s="56"/>
      <c r="D5" s="56"/>
      <c r="E5" s="56"/>
      <c r="F5" s="56"/>
      <c r="G5" s="56"/>
      <c r="H5" s="56"/>
      <c r="I5" s="56"/>
      <c r="J5" s="56"/>
      <c r="K5" s="56"/>
      <c r="L5" s="56"/>
      <c r="M5" s="56"/>
      <c r="N5" s="56"/>
      <c r="O5" s="56"/>
      <c r="P5" s="56"/>
      <c r="Q5" s="56"/>
      <c r="R5" s="56"/>
      <c r="S5" s="56"/>
      <c r="T5" s="56"/>
      <c r="U5" s="8"/>
    </row>
    <row r="6" spans="1:21" ht="28.5" x14ac:dyDescent="0.3">
      <c r="A6" s="6"/>
      <c r="B6" s="144" t="s">
        <v>12</v>
      </c>
      <c r="C6" s="144"/>
      <c r="D6" s="144"/>
      <c r="E6" s="144"/>
      <c r="F6" s="144"/>
      <c r="G6" s="144"/>
      <c r="H6" s="144"/>
      <c r="I6" s="144"/>
      <c r="J6" s="144"/>
      <c r="K6" s="144"/>
      <c r="L6" s="144"/>
      <c r="M6" s="144"/>
      <c r="N6" s="144"/>
      <c r="O6" s="144"/>
      <c r="P6" s="144"/>
      <c r="Q6" s="144"/>
      <c r="R6" s="144"/>
      <c r="S6" s="144"/>
      <c r="T6" s="57"/>
      <c r="U6" s="8"/>
    </row>
    <row r="7" spans="1:21" ht="22.5" customHeight="1" x14ac:dyDescent="0.4">
      <c r="A7" s="6"/>
      <c r="B7" s="145" t="s">
        <v>112</v>
      </c>
      <c r="C7" s="145"/>
      <c r="D7" s="145"/>
      <c r="E7" s="145"/>
      <c r="F7" s="145"/>
      <c r="G7" s="145"/>
      <c r="H7" s="145"/>
      <c r="I7" s="145"/>
      <c r="J7" s="145"/>
      <c r="K7" s="145"/>
      <c r="L7" s="145"/>
      <c r="M7" s="145"/>
      <c r="N7" s="145"/>
      <c r="O7" s="145"/>
      <c r="P7" s="145"/>
      <c r="Q7" s="145"/>
      <c r="R7" s="145"/>
      <c r="S7" s="145"/>
      <c r="T7" s="58"/>
      <c r="U7" s="8"/>
    </row>
    <row r="8" spans="1:21" ht="22.5" customHeight="1" x14ac:dyDescent="0.4">
      <c r="A8" s="6"/>
      <c r="B8" s="59"/>
      <c r="C8" s="59"/>
      <c r="D8" s="59"/>
      <c r="E8" s="59"/>
      <c r="F8" s="59"/>
      <c r="G8" s="59"/>
      <c r="H8" s="59"/>
      <c r="I8" s="59"/>
      <c r="J8" s="59"/>
      <c r="K8" s="59"/>
      <c r="L8" s="143"/>
      <c r="M8" s="143"/>
      <c r="N8" s="143"/>
      <c r="O8" s="60"/>
      <c r="P8" s="60"/>
      <c r="Q8" s="60"/>
      <c r="R8" s="61"/>
      <c r="S8" s="59"/>
      <c r="T8" s="59"/>
      <c r="U8" s="8"/>
    </row>
    <row r="9" spans="1:21" ht="22.5" customHeight="1" x14ac:dyDescent="0.4">
      <c r="A9" s="6"/>
      <c r="B9" s="131"/>
      <c r="C9" s="131"/>
      <c r="D9" s="131"/>
      <c r="E9" s="62"/>
      <c r="F9" s="62"/>
      <c r="G9" s="62"/>
      <c r="I9" s="14"/>
      <c r="J9" s="14" t="s">
        <v>2</v>
      </c>
      <c r="L9" s="63"/>
      <c r="M9" s="63"/>
      <c r="N9" s="63"/>
      <c r="O9" s="63"/>
      <c r="P9" s="63"/>
      <c r="Q9" s="63"/>
      <c r="R9" s="63"/>
      <c r="S9" s="14"/>
      <c r="T9" s="14"/>
      <c r="U9" s="8"/>
    </row>
    <row r="10" spans="1:21" ht="22.5" customHeight="1" x14ac:dyDescent="0.4">
      <c r="A10" s="6"/>
      <c r="B10" s="27" t="s">
        <v>164</v>
      </c>
      <c r="C10" s="17"/>
      <c r="D10" s="17"/>
      <c r="E10" s="17"/>
      <c r="F10" s="17"/>
      <c r="G10" s="17"/>
      <c r="H10" s="17"/>
      <c r="I10" s="18"/>
      <c r="J10" s="20"/>
      <c r="K10" s="21"/>
      <c r="L10" s="27"/>
      <c r="M10" s="17" t="s">
        <v>203</v>
      </c>
      <c r="N10" s="17"/>
      <c r="O10" s="17"/>
      <c r="P10" s="17"/>
      <c r="Q10" s="17"/>
      <c r="R10" s="17"/>
      <c r="S10" s="18">
        <v>65560443</v>
      </c>
      <c r="T10" s="20"/>
      <c r="U10" s="8"/>
    </row>
    <row r="11" spans="1:21" ht="22.5" customHeight="1" x14ac:dyDescent="0.4">
      <c r="A11" s="6"/>
      <c r="B11" s="28"/>
      <c r="C11" s="89" t="s">
        <v>165</v>
      </c>
      <c r="D11" s="89"/>
      <c r="E11" s="89"/>
      <c r="F11" s="89"/>
      <c r="G11" s="89"/>
      <c r="H11" s="89"/>
      <c r="I11" s="90">
        <v>389445461</v>
      </c>
      <c r="J11" s="94"/>
      <c r="K11" s="21"/>
      <c r="L11" s="28"/>
      <c r="M11" s="89"/>
      <c r="N11" s="89" t="s">
        <v>204</v>
      </c>
      <c r="O11" s="89"/>
      <c r="P11" s="89"/>
      <c r="Q11" s="89"/>
      <c r="R11" s="89"/>
      <c r="S11" s="90">
        <v>65560443</v>
      </c>
      <c r="T11" s="94"/>
      <c r="U11" s="8"/>
    </row>
    <row r="12" spans="1:21" ht="22.5" customHeight="1" x14ac:dyDescent="0.4">
      <c r="A12" s="6"/>
      <c r="B12" s="28"/>
      <c r="C12" s="89"/>
      <c r="D12" s="89" t="s">
        <v>166</v>
      </c>
      <c r="E12" s="89"/>
      <c r="F12" s="89"/>
      <c r="G12" s="89"/>
      <c r="H12" s="89"/>
      <c r="I12" s="90">
        <v>0</v>
      </c>
      <c r="J12" s="94"/>
      <c r="K12" s="21"/>
      <c r="L12" s="28"/>
      <c r="M12" s="89"/>
      <c r="N12" s="89" t="s">
        <v>205</v>
      </c>
      <c r="O12" s="89"/>
      <c r="P12" s="89"/>
      <c r="Q12" s="89"/>
      <c r="R12" s="89"/>
      <c r="S12" s="90">
        <v>0</v>
      </c>
      <c r="T12" s="94"/>
      <c r="U12" s="8"/>
    </row>
    <row r="13" spans="1:21" ht="22.5" customHeight="1" x14ac:dyDescent="0.4">
      <c r="A13" s="6"/>
      <c r="B13" s="28"/>
      <c r="C13" s="89"/>
      <c r="D13" s="89" t="s">
        <v>167</v>
      </c>
      <c r="E13" s="89"/>
      <c r="F13" s="89"/>
      <c r="G13" s="89"/>
      <c r="H13" s="89"/>
      <c r="I13" s="90">
        <v>0</v>
      </c>
      <c r="J13" s="94"/>
      <c r="K13" s="21"/>
      <c r="L13" s="28"/>
      <c r="M13" s="89"/>
      <c r="N13" s="89"/>
      <c r="O13" s="89" t="s">
        <v>206</v>
      </c>
      <c r="P13" s="89"/>
      <c r="Q13" s="89"/>
      <c r="R13" s="89"/>
      <c r="S13" s="90">
        <v>0</v>
      </c>
      <c r="T13" s="94"/>
      <c r="U13" s="8"/>
    </row>
    <row r="14" spans="1:21" ht="22.5" customHeight="1" x14ac:dyDescent="0.4">
      <c r="A14" s="6"/>
      <c r="B14" s="28"/>
      <c r="C14" s="89"/>
      <c r="D14" s="89" t="s">
        <v>168</v>
      </c>
      <c r="E14" s="89"/>
      <c r="F14" s="89"/>
      <c r="G14" s="89"/>
      <c r="H14" s="89"/>
      <c r="I14" s="90">
        <v>0</v>
      </c>
      <c r="J14" s="94"/>
      <c r="K14" s="21"/>
      <c r="L14" s="28"/>
      <c r="M14" s="89"/>
      <c r="N14" s="89"/>
      <c r="O14" s="89" t="s">
        <v>207</v>
      </c>
      <c r="P14" s="89"/>
      <c r="Q14" s="89"/>
      <c r="R14" s="89"/>
      <c r="S14" s="90">
        <v>0</v>
      </c>
      <c r="T14" s="94"/>
      <c r="U14" s="8"/>
    </row>
    <row r="15" spans="1:21" ht="18.75" x14ac:dyDescent="0.4">
      <c r="A15" s="6"/>
      <c r="B15" s="28"/>
      <c r="C15" s="89"/>
      <c r="D15" s="89" t="s">
        <v>169</v>
      </c>
      <c r="E15" s="89"/>
      <c r="F15" s="89"/>
      <c r="G15" s="89"/>
      <c r="H15" s="89"/>
      <c r="I15" s="90">
        <v>0</v>
      </c>
      <c r="J15" s="94"/>
      <c r="K15" s="21"/>
      <c r="L15" s="28"/>
      <c r="M15" s="89"/>
      <c r="N15" s="89" t="s">
        <v>208</v>
      </c>
      <c r="O15" s="89"/>
      <c r="P15" s="89"/>
      <c r="Q15" s="89"/>
      <c r="R15" s="89"/>
      <c r="S15" s="90">
        <v>0</v>
      </c>
      <c r="T15" s="94"/>
      <c r="U15" s="8"/>
    </row>
    <row r="16" spans="1:21" ht="22.5" customHeight="1" x14ac:dyDescent="0.4">
      <c r="A16" s="6"/>
      <c r="B16" s="28"/>
      <c r="C16" s="89"/>
      <c r="D16" s="89" t="s">
        <v>170</v>
      </c>
      <c r="E16" s="89"/>
      <c r="F16" s="89"/>
      <c r="G16" s="89"/>
      <c r="H16" s="89"/>
      <c r="I16" s="90">
        <v>0</v>
      </c>
      <c r="J16" s="94"/>
      <c r="K16" s="21"/>
      <c r="L16" s="28"/>
      <c r="M16" s="89"/>
      <c r="N16" s="89" t="s">
        <v>209</v>
      </c>
      <c r="O16" s="89"/>
      <c r="P16" s="89"/>
      <c r="Q16" s="89"/>
      <c r="R16" s="89"/>
      <c r="S16" s="90">
        <v>0</v>
      </c>
      <c r="T16" s="94"/>
      <c r="U16" s="8"/>
    </row>
    <row r="17" spans="1:21" ht="22.5" customHeight="1" x14ac:dyDescent="0.4">
      <c r="A17" s="6"/>
      <c r="B17" s="28"/>
      <c r="C17" s="89"/>
      <c r="D17" s="89" t="s">
        <v>171</v>
      </c>
      <c r="E17" s="89"/>
      <c r="F17" s="89"/>
      <c r="G17" s="89"/>
      <c r="H17" s="89"/>
      <c r="I17" s="90">
        <v>0</v>
      </c>
      <c r="J17" s="94"/>
      <c r="K17" s="21"/>
      <c r="L17" s="28"/>
      <c r="M17" s="89"/>
      <c r="N17" s="89" t="s">
        <v>188</v>
      </c>
      <c r="O17" s="89"/>
      <c r="P17" s="89"/>
      <c r="Q17" s="89"/>
      <c r="R17" s="89"/>
      <c r="S17" s="90">
        <v>0</v>
      </c>
      <c r="T17" s="94"/>
      <c r="U17" s="8"/>
    </row>
    <row r="18" spans="1:21" ht="22.5" customHeight="1" x14ac:dyDescent="0.4">
      <c r="A18" s="6"/>
      <c r="B18" s="28"/>
      <c r="C18" s="89"/>
      <c r="D18" s="89" t="s">
        <v>172</v>
      </c>
      <c r="E18" s="89"/>
      <c r="F18" s="89"/>
      <c r="G18" s="89"/>
      <c r="H18" s="89"/>
      <c r="I18" s="90">
        <v>0</v>
      </c>
      <c r="J18" s="94"/>
      <c r="K18" s="21"/>
      <c r="L18" s="28"/>
      <c r="M18" s="89"/>
      <c r="N18" s="89"/>
      <c r="O18" s="89" t="s">
        <v>189</v>
      </c>
      <c r="P18" s="89"/>
      <c r="Q18" s="89"/>
      <c r="R18" s="89"/>
      <c r="S18" s="90">
        <v>0</v>
      </c>
      <c r="T18" s="94"/>
      <c r="U18" s="8"/>
    </row>
    <row r="19" spans="1:21" ht="22.5" customHeight="1" x14ac:dyDescent="0.4">
      <c r="A19" s="6"/>
      <c r="B19" s="28"/>
      <c r="C19" s="89"/>
      <c r="D19" s="89" t="s">
        <v>173</v>
      </c>
      <c r="E19" s="89"/>
      <c r="F19" s="89"/>
      <c r="G19" s="89"/>
      <c r="H19" s="89"/>
      <c r="I19" s="90">
        <v>5573655</v>
      </c>
      <c r="J19" s="94"/>
      <c r="K19" s="21"/>
      <c r="L19" s="28"/>
      <c r="M19" s="89"/>
      <c r="N19" s="89"/>
      <c r="O19" s="89" t="s">
        <v>190</v>
      </c>
      <c r="P19" s="89"/>
      <c r="Q19" s="89"/>
      <c r="R19" s="89"/>
      <c r="S19" s="90">
        <v>0</v>
      </c>
      <c r="T19" s="94"/>
      <c r="U19" s="8"/>
    </row>
    <row r="20" spans="1:21" ht="22.5" customHeight="1" x14ac:dyDescent="0.4">
      <c r="A20" s="6"/>
      <c r="B20" s="28"/>
      <c r="C20" s="89"/>
      <c r="D20" s="89" t="s">
        <v>174</v>
      </c>
      <c r="E20" s="89"/>
      <c r="F20" s="89"/>
      <c r="G20" s="89"/>
      <c r="H20" s="89"/>
      <c r="I20" s="90">
        <v>3907441</v>
      </c>
      <c r="J20" s="94"/>
      <c r="K20" s="21"/>
      <c r="L20" s="28"/>
      <c r="M20" s="89"/>
      <c r="N20" s="89"/>
      <c r="O20" s="89" t="s">
        <v>191</v>
      </c>
      <c r="P20" s="89"/>
      <c r="Q20" s="89"/>
      <c r="R20" s="89"/>
      <c r="S20" s="90">
        <v>0</v>
      </c>
      <c r="T20" s="94"/>
      <c r="U20" s="8"/>
    </row>
    <row r="21" spans="1:21" ht="22.5" customHeight="1" x14ac:dyDescent="0.4">
      <c r="A21" s="6"/>
      <c r="B21" s="28"/>
      <c r="C21" s="89"/>
      <c r="D21" s="89" t="s">
        <v>175</v>
      </c>
      <c r="E21" s="89"/>
      <c r="F21" s="89"/>
      <c r="G21" s="89"/>
      <c r="H21" s="89"/>
      <c r="I21" s="90">
        <v>0</v>
      </c>
      <c r="J21" s="94"/>
      <c r="K21" s="21"/>
      <c r="L21" s="28"/>
      <c r="M21" s="89"/>
      <c r="N21" s="89" t="s">
        <v>210</v>
      </c>
      <c r="O21" s="89"/>
      <c r="P21" s="89"/>
      <c r="Q21" s="89"/>
      <c r="R21" s="89"/>
      <c r="S21" s="90">
        <v>0</v>
      </c>
      <c r="T21" s="94"/>
      <c r="U21" s="8"/>
    </row>
    <row r="22" spans="1:21" ht="22.5" customHeight="1" x14ac:dyDescent="0.4">
      <c r="A22" s="6"/>
      <c r="B22" s="28"/>
      <c r="C22" s="89"/>
      <c r="D22" s="89"/>
      <c r="E22" s="89" t="s">
        <v>176</v>
      </c>
      <c r="F22" s="89"/>
      <c r="G22" s="89"/>
      <c r="H22" s="89"/>
      <c r="I22" s="90">
        <v>0</v>
      </c>
      <c r="J22" s="94"/>
      <c r="K22" s="21"/>
      <c r="L22" s="81" t="s">
        <v>211</v>
      </c>
      <c r="M22" s="83"/>
      <c r="N22" s="83"/>
      <c r="O22" s="83"/>
      <c r="P22" s="83"/>
      <c r="Q22" s="83"/>
      <c r="R22" s="83"/>
      <c r="S22" s="84">
        <v>-64027695</v>
      </c>
      <c r="T22" s="88"/>
      <c r="U22" s="8"/>
    </row>
    <row r="23" spans="1:21" ht="22.5" customHeight="1" x14ac:dyDescent="0.4">
      <c r="A23" s="6"/>
      <c r="B23" s="28"/>
      <c r="C23" s="89"/>
      <c r="D23" s="89"/>
      <c r="E23" s="89" t="s">
        <v>177</v>
      </c>
      <c r="F23" s="89"/>
      <c r="G23" s="89"/>
      <c r="H23" s="89"/>
      <c r="I23" s="90">
        <v>0</v>
      </c>
      <c r="J23" s="94"/>
      <c r="K23" s="21"/>
      <c r="L23" s="111" t="s">
        <v>212</v>
      </c>
      <c r="M23" s="89"/>
      <c r="N23" s="89"/>
      <c r="O23" s="89"/>
      <c r="P23" s="89"/>
      <c r="Q23" s="89"/>
      <c r="R23" s="89"/>
      <c r="S23" s="90"/>
      <c r="T23" s="94"/>
      <c r="U23" s="8"/>
    </row>
    <row r="24" spans="1:21" ht="22.5" customHeight="1" x14ac:dyDescent="0.4">
      <c r="A24" s="6"/>
      <c r="B24" s="28"/>
      <c r="C24" s="89"/>
      <c r="D24" s="89"/>
      <c r="E24" s="89" t="s">
        <v>178</v>
      </c>
      <c r="F24" s="89"/>
      <c r="G24" s="89"/>
      <c r="H24" s="89"/>
      <c r="I24" s="90">
        <v>0</v>
      </c>
      <c r="J24" s="94"/>
      <c r="K24" s="21"/>
      <c r="L24" s="28"/>
      <c r="M24" s="93" t="s">
        <v>213</v>
      </c>
      <c r="N24" s="89"/>
      <c r="O24" s="89"/>
      <c r="P24" s="89"/>
      <c r="Q24" s="89"/>
      <c r="R24" s="89"/>
      <c r="S24" s="90">
        <v>61000000</v>
      </c>
      <c r="T24" s="94"/>
      <c r="U24" s="8"/>
    </row>
    <row r="25" spans="1:21" ht="22.5" customHeight="1" x14ac:dyDescent="0.4">
      <c r="A25" s="6"/>
      <c r="B25" s="28"/>
      <c r="C25" s="89"/>
      <c r="D25" s="89" t="s">
        <v>127</v>
      </c>
      <c r="E25" s="89"/>
      <c r="F25" s="89"/>
      <c r="G25" s="89"/>
      <c r="H25" s="89"/>
      <c r="I25" s="90">
        <v>0</v>
      </c>
      <c r="J25" s="94"/>
      <c r="K25" s="21"/>
      <c r="L25" s="28"/>
      <c r="M25" s="89"/>
      <c r="N25" s="89" t="s">
        <v>214</v>
      </c>
      <c r="O25" s="89"/>
      <c r="P25" s="89"/>
      <c r="Q25" s="89"/>
      <c r="R25" s="89"/>
      <c r="S25" s="90">
        <v>61000000</v>
      </c>
      <c r="T25" s="94"/>
      <c r="U25" s="8"/>
    </row>
    <row r="26" spans="1:21" ht="22.5" customHeight="1" x14ac:dyDescent="0.4">
      <c r="A26" s="6"/>
      <c r="B26" s="28"/>
      <c r="C26" s="89"/>
      <c r="D26" s="89" t="s">
        <v>179</v>
      </c>
      <c r="E26" s="89"/>
      <c r="F26" s="89"/>
      <c r="G26" s="89"/>
      <c r="H26" s="89"/>
      <c r="I26" s="90">
        <v>0</v>
      </c>
      <c r="J26" s="94"/>
      <c r="K26" s="21"/>
      <c r="L26" s="28"/>
      <c r="M26" s="89"/>
      <c r="N26" s="89" t="s">
        <v>215</v>
      </c>
      <c r="O26" s="89"/>
      <c r="P26" s="89"/>
      <c r="Q26" s="89"/>
      <c r="R26" s="89"/>
      <c r="S26" s="90">
        <v>0</v>
      </c>
      <c r="T26" s="94"/>
      <c r="U26" s="8"/>
    </row>
    <row r="27" spans="1:21" ht="22.5" customHeight="1" x14ac:dyDescent="0.4">
      <c r="A27" s="6"/>
      <c r="B27" s="28"/>
      <c r="C27" s="89"/>
      <c r="D27" s="89" t="s">
        <v>180</v>
      </c>
      <c r="E27" s="89"/>
      <c r="F27" s="89"/>
      <c r="G27" s="89"/>
      <c r="H27" s="89"/>
      <c r="I27" s="90">
        <v>379964365</v>
      </c>
      <c r="J27" s="94"/>
      <c r="K27" s="21"/>
      <c r="L27" s="28"/>
      <c r="M27" s="89"/>
      <c r="N27" s="89" t="s">
        <v>175</v>
      </c>
      <c r="O27" s="89"/>
      <c r="P27" s="89"/>
      <c r="Q27" s="89"/>
      <c r="R27" s="89"/>
      <c r="S27" s="90">
        <v>0</v>
      </c>
      <c r="T27" s="94"/>
      <c r="U27" s="8"/>
    </row>
    <row r="28" spans="1:21" ht="22.5" customHeight="1" x14ac:dyDescent="0.4">
      <c r="A28" s="6"/>
      <c r="B28" s="28"/>
      <c r="C28" s="89" t="s">
        <v>181</v>
      </c>
      <c r="D28" s="89"/>
      <c r="E28" s="89"/>
      <c r="F28" s="89"/>
      <c r="G28" s="89"/>
      <c r="H28" s="89"/>
      <c r="I28" s="90">
        <v>1692155136</v>
      </c>
      <c r="J28" s="94"/>
      <c r="K28" s="21"/>
      <c r="L28" s="28"/>
      <c r="M28" s="89"/>
      <c r="N28" s="89"/>
      <c r="O28" s="89" t="s">
        <v>176</v>
      </c>
      <c r="P28" s="89"/>
      <c r="Q28" s="89"/>
      <c r="R28" s="89"/>
      <c r="S28" s="90">
        <v>0</v>
      </c>
      <c r="T28" s="94"/>
      <c r="U28" s="8"/>
    </row>
    <row r="29" spans="1:21" ht="22.5" customHeight="1" x14ac:dyDescent="0.4">
      <c r="A29" s="6"/>
      <c r="B29" s="28"/>
      <c r="C29" s="89"/>
      <c r="D29" s="89" t="s">
        <v>182</v>
      </c>
      <c r="E29" s="89"/>
      <c r="F29" s="89"/>
      <c r="G29" s="89"/>
      <c r="H29" s="89"/>
      <c r="I29" s="90">
        <v>852204541</v>
      </c>
      <c r="J29" s="94"/>
      <c r="K29" s="21"/>
      <c r="L29" s="28"/>
      <c r="M29" s="89"/>
      <c r="N29" s="89"/>
      <c r="O29" s="89" t="s">
        <v>177</v>
      </c>
      <c r="P29" s="89"/>
      <c r="Q29" s="89"/>
      <c r="R29" s="89"/>
      <c r="S29" s="90">
        <v>0</v>
      </c>
      <c r="T29" s="94"/>
      <c r="U29" s="8"/>
    </row>
    <row r="30" spans="1:21" ht="22.5" customHeight="1" x14ac:dyDescent="0.4">
      <c r="A30" s="6"/>
      <c r="B30" s="28"/>
      <c r="C30" s="89"/>
      <c r="D30" s="89" t="s">
        <v>183</v>
      </c>
      <c r="E30" s="89"/>
      <c r="F30" s="89"/>
      <c r="G30" s="89"/>
      <c r="H30" s="89"/>
      <c r="I30" s="90">
        <v>380056618</v>
      </c>
      <c r="J30" s="94"/>
      <c r="K30" s="21"/>
      <c r="L30" s="28"/>
      <c r="M30" s="89"/>
      <c r="N30" s="89"/>
      <c r="O30" s="89" t="s">
        <v>178</v>
      </c>
      <c r="P30" s="89"/>
      <c r="Q30" s="89"/>
      <c r="R30" s="89"/>
      <c r="S30" s="90">
        <v>0</v>
      </c>
      <c r="T30" s="94"/>
      <c r="U30" s="8"/>
    </row>
    <row r="31" spans="1:21" ht="22.5" customHeight="1" x14ac:dyDescent="0.4">
      <c r="A31" s="6"/>
      <c r="B31" s="28"/>
      <c r="C31" s="89"/>
      <c r="D31" s="89" t="s">
        <v>184</v>
      </c>
      <c r="E31" s="89"/>
      <c r="F31" s="89"/>
      <c r="G31" s="89"/>
      <c r="H31" s="89"/>
      <c r="I31" s="90">
        <v>344819275</v>
      </c>
      <c r="J31" s="94"/>
      <c r="K31" s="21"/>
      <c r="L31" s="28"/>
      <c r="M31" s="89"/>
      <c r="N31" s="89" t="s">
        <v>216</v>
      </c>
      <c r="O31" s="89"/>
      <c r="P31" s="89"/>
      <c r="Q31" s="89"/>
      <c r="R31" s="89"/>
      <c r="S31" s="90">
        <v>0</v>
      </c>
      <c r="T31" s="94"/>
      <c r="U31" s="8"/>
    </row>
    <row r="32" spans="1:21" ht="22.5" customHeight="1" x14ac:dyDescent="0.4">
      <c r="A32" s="6"/>
      <c r="B32" s="28"/>
      <c r="C32" s="89"/>
      <c r="D32" s="89" t="s">
        <v>185</v>
      </c>
      <c r="E32" s="89"/>
      <c r="F32" s="89"/>
      <c r="G32" s="89"/>
      <c r="H32" s="89"/>
      <c r="I32" s="90">
        <v>888211</v>
      </c>
      <c r="J32" s="94"/>
      <c r="K32" s="21"/>
      <c r="L32" s="28"/>
      <c r="M32" s="89" t="s">
        <v>217</v>
      </c>
      <c r="N32" s="89"/>
      <c r="O32" s="89"/>
      <c r="P32" s="89"/>
      <c r="Q32" s="89"/>
      <c r="R32" s="89"/>
      <c r="S32" s="90">
        <v>7220128</v>
      </c>
      <c r="T32" s="94"/>
      <c r="U32" s="8"/>
    </row>
    <row r="33" spans="1:21" ht="22.5" customHeight="1" x14ac:dyDescent="0.4">
      <c r="A33" s="6"/>
      <c r="B33" s="28"/>
      <c r="C33" s="89"/>
      <c r="D33" s="89" t="s">
        <v>186</v>
      </c>
      <c r="E33" s="89"/>
      <c r="F33" s="89"/>
      <c r="G33" s="89"/>
      <c r="H33" s="89"/>
      <c r="I33" s="90">
        <v>0</v>
      </c>
      <c r="J33" s="94"/>
      <c r="K33" s="21"/>
      <c r="L33" s="28"/>
      <c r="M33" s="89"/>
      <c r="N33" s="89" t="s">
        <v>218</v>
      </c>
      <c r="O33" s="89"/>
      <c r="P33" s="89"/>
      <c r="Q33" s="89"/>
      <c r="R33" s="89"/>
      <c r="S33" s="90">
        <v>5461000</v>
      </c>
      <c r="T33" s="94"/>
      <c r="U33" s="8"/>
    </row>
    <row r="34" spans="1:21" ht="22.5" customHeight="1" x14ac:dyDescent="0.4">
      <c r="A34" s="6"/>
      <c r="B34" s="28"/>
      <c r="C34" s="89"/>
      <c r="D34" s="89" t="s">
        <v>187</v>
      </c>
      <c r="E34" s="89"/>
      <c r="F34" s="89"/>
      <c r="G34" s="89"/>
      <c r="H34" s="89"/>
      <c r="I34" s="90">
        <v>114186491</v>
      </c>
      <c r="J34" s="94"/>
      <c r="K34" s="21"/>
      <c r="L34" s="28"/>
      <c r="M34" s="89"/>
      <c r="N34" s="89" t="s">
        <v>219</v>
      </c>
      <c r="O34" s="89"/>
      <c r="P34" s="89"/>
      <c r="Q34" s="89"/>
      <c r="R34" s="89"/>
      <c r="S34" s="90">
        <v>0</v>
      </c>
      <c r="T34" s="94"/>
      <c r="U34" s="8"/>
    </row>
    <row r="35" spans="1:21" ht="22.5" customHeight="1" x14ac:dyDescent="0.4">
      <c r="A35" s="6"/>
      <c r="B35" s="28"/>
      <c r="C35" s="89"/>
      <c r="D35" s="89" t="s">
        <v>188</v>
      </c>
      <c r="E35" s="89"/>
      <c r="F35" s="89"/>
      <c r="G35" s="89"/>
      <c r="H35" s="89"/>
      <c r="I35" s="90">
        <v>0</v>
      </c>
      <c r="J35" s="94"/>
      <c r="K35" s="21"/>
      <c r="L35" s="28"/>
      <c r="M35" s="89"/>
      <c r="N35" s="89" t="s">
        <v>220</v>
      </c>
      <c r="O35" s="89"/>
      <c r="P35" s="89"/>
      <c r="Q35" s="89"/>
      <c r="R35" s="89"/>
      <c r="S35" s="90">
        <v>1759128</v>
      </c>
      <c r="T35" s="94"/>
      <c r="U35" s="8"/>
    </row>
    <row r="36" spans="1:21" ht="22.5" customHeight="1" x14ac:dyDescent="0.4">
      <c r="A36" s="6"/>
      <c r="B36" s="28"/>
      <c r="C36" s="89"/>
      <c r="D36" s="89"/>
      <c r="E36" s="89" t="s">
        <v>189</v>
      </c>
      <c r="F36" s="89"/>
      <c r="G36" s="89"/>
      <c r="H36" s="89"/>
      <c r="I36" s="90">
        <v>0</v>
      </c>
      <c r="J36" s="94"/>
      <c r="K36" s="21"/>
      <c r="L36" s="28"/>
      <c r="M36" s="89"/>
      <c r="N36" s="89" t="s">
        <v>188</v>
      </c>
      <c r="O36" s="89"/>
      <c r="P36" s="89"/>
      <c r="Q36" s="89"/>
      <c r="R36" s="89"/>
      <c r="S36" s="90">
        <v>0</v>
      </c>
      <c r="T36" s="94"/>
      <c r="U36" s="8"/>
    </row>
    <row r="37" spans="1:21" ht="22.5" customHeight="1" x14ac:dyDescent="0.4">
      <c r="A37" s="6"/>
      <c r="B37" s="28"/>
      <c r="C37" s="89"/>
      <c r="D37" s="89"/>
      <c r="E37" s="89" t="s">
        <v>190</v>
      </c>
      <c r="F37" s="89"/>
      <c r="G37" s="89"/>
      <c r="H37" s="89"/>
      <c r="I37" s="90">
        <v>0</v>
      </c>
      <c r="J37" s="94"/>
      <c r="K37" s="21"/>
      <c r="L37" s="28"/>
      <c r="M37" s="89"/>
      <c r="N37" s="89"/>
      <c r="O37" s="89" t="s">
        <v>189</v>
      </c>
      <c r="P37" s="89"/>
      <c r="Q37" s="89"/>
      <c r="R37" s="89"/>
      <c r="S37" s="90">
        <v>0</v>
      </c>
      <c r="T37" s="94"/>
      <c r="U37" s="8"/>
    </row>
    <row r="38" spans="1:21" ht="22.5" customHeight="1" x14ac:dyDescent="0.4">
      <c r="A38" s="6"/>
      <c r="B38" s="28"/>
      <c r="C38" s="89"/>
      <c r="D38" s="89"/>
      <c r="E38" s="89" t="s">
        <v>191</v>
      </c>
      <c r="F38" s="89"/>
      <c r="G38" s="89"/>
      <c r="H38" s="89"/>
      <c r="I38" s="90">
        <v>0</v>
      </c>
      <c r="J38" s="94"/>
      <c r="K38" s="21"/>
      <c r="L38" s="28"/>
      <c r="M38" s="89"/>
      <c r="N38" s="89"/>
      <c r="O38" s="89" t="s">
        <v>190</v>
      </c>
      <c r="P38" s="89"/>
      <c r="Q38" s="89"/>
      <c r="R38" s="89"/>
      <c r="S38" s="90">
        <v>0</v>
      </c>
      <c r="T38" s="94"/>
      <c r="U38" s="8"/>
    </row>
    <row r="39" spans="1:21" ht="22.5" customHeight="1" x14ac:dyDescent="0.4">
      <c r="A39" s="6"/>
      <c r="B39" s="28"/>
      <c r="C39" s="89"/>
      <c r="D39" s="89" t="s">
        <v>192</v>
      </c>
      <c r="E39" s="89"/>
      <c r="F39" s="89"/>
      <c r="G39" s="89"/>
      <c r="H39" s="89"/>
      <c r="I39" s="90">
        <v>0</v>
      </c>
      <c r="J39" s="94"/>
      <c r="K39" s="21"/>
      <c r="L39" s="28"/>
      <c r="M39" s="89"/>
      <c r="N39" s="89"/>
      <c r="O39" s="89" t="s">
        <v>191</v>
      </c>
      <c r="P39" s="89"/>
      <c r="Q39" s="89"/>
      <c r="R39" s="89"/>
      <c r="S39" s="90">
        <v>0</v>
      </c>
      <c r="T39" s="94"/>
      <c r="U39" s="8"/>
    </row>
    <row r="40" spans="1:21" ht="22.5" customHeight="1" x14ac:dyDescent="0.4">
      <c r="A40" s="6"/>
      <c r="B40" s="81" t="s">
        <v>193</v>
      </c>
      <c r="C40" s="83"/>
      <c r="D40" s="83"/>
      <c r="E40" s="83"/>
      <c r="F40" s="83"/>
      <c r="G40" s="83"/>
      <c r="H40" s="83"/>
      <c r="I40" s="84">
        <v>-1302709675</v>
      </c>
      <c r="J40" s="88"/>
      <c r="K40" s="21"/>
      <c r="L40" s="28"/>
      <c r="M40" s="89"/>
      <c r="N40" s="89" t="s">
        <v>221</v>
      </c>
      <c r="O40" s="89"/>
      <c r="P40" s="89"/>
      <c r="Q40" s="89"/>
      <c r="R40" s="89"/>
      <c r="S40" s="90">
        <v>0</v>
      </c>
      <c r="T40" s="94"/>
      <c r="U40" s="8"/>
    </row>
    <row r="41" spans="1:21" ht="22.5" customHeight="1" x14ac:dyDescent="0.4">
      <c r="A41" s="6"/>
      <c r="B41" s="28" t="s">
        <v>194</v>
      </c>
      <c r="C41" s="89"/>
      <c r="D41" s="89"/>
      <c r="E41" s="89"/>
      <c r="F41" s="89"/>
      <c r="G41" s="89"/>
      <c r="H41" s="89"/>
      <c r="I41" s="90"/>
      <c r="J41" s="94"/>
      <c r="K41" s="21"/>
      <c r="L41" s="81" t="s">
        <v>222</v>
      </c>
      <c r="M41" s="83"/>
      <c r="N41" s="83"/>
      <c r="O41" s="83"/>
      <c r="P41" s="83"/>
      <c r="Q41" s="83"/>
      <c r="R41" s="83"/>
      <c r="S41" s="84">
        <v>53779872</v>
      </c>
      <c r="T41" s="88"/>
      <c r="U41" s="8"/>
    </row>
    <row r="42" spans="1:21" ht="22.5" customHeight="1" x14ac:dyDescent="0.4">
      <c r="A42" s="6"/>
      <c r="B42" s="28"/>
      <c r="C42" s="89" t="s">
        <v>195</v>
      </c>
      <c r="D42" s="89"/>
      <c r="E42" s="89"/>
      <c r="F42" s="89"/>
      <c r="G42" s="89"/>
      <c r="H42" s="89"/>
      <c r="I42" s="90">
        <v>1532748</v>
      </c>
      <c r="J42" s="94"/>
      <c r="K42" s="21"/>
      <c r="L42" s="81" t="s">
        <v>223</v>
      </c>
      <c r="M42" s="83"/>
      <c r="N42" s="83"/>
      <c r="O42" s="83"/>
      <c r="P42" s="83"/>
      <c r="Q42" s="83"/>
      <c r="R42" s="83"/>
      <c r="S42" s="84">
        <v>-1312957498</v>
      </c>
      <c r="T42" s="88"/>
      <c r="U42" s="8"/>
    </row>
    <row r="43" spans="1:21" ht="22.5" customHeight="1" x14ac:dyDescent="0.4">
      <c r="A43" s="6"/>
      <c r="B43" s="28"/>
      <c r="C43" s="89"/>
      <c r="D43" s="89" t="s">
        <v>196</v>
      </c>
      <c r="E43" s="89"/>
      <c r="F43" s="89"/>
      <c r="G43" s="89"/>
      <c r="H43" s="89"/>
      <c r="I43" s="90">
        <v>1532748</v>
      </c>
      <c r="J43" s="94"/>
      <c r="K43" s="21"/>
      <c r="L43" s="81" t="s">
        <v>161</v>
      </c>
      <c r="M43" s="83"/>
      <c r="N43" s="83"/>
      <c r="O43" s="83"/>
      <c r="P43" s="83"/>
      <c r="Q43" s="83"/>
      <c r="R43" s="83"/>
      <c r="S43" s="84">
        <v>1312957498</v>
      </c>
      <c r="T43" s="88"/>
      <c r="U43" s="8"/>
    </row>
    <row r="44" spans="1:21" ht="22.5" customHeight="1" x14ac:dyDescent="0.4">
      <c r="A44" s="6"/>
      <c r="B44" s="28"/>
      <c r="C44" s="89"/>
      <c r="D44" s="89" t="s">
        <v>197</v>
      </c>
      <c r="E44" s="89"/>
      <c r="F44" s="89"/>
      <c r="G44" s="89"/>
      <c r="H44" s="89"/>
      <c r="I44" s="90">
        <v>0</v>
      </c>
      <c r="J44" s="94"/>
      <c r="K44" s="21"/>
      <c r="L44" s="81" t="s">
        <v>224</v>
      </c>
      <c r="M44" s="83"/>
      <c r="N44" s="83"/>
      <c r="O44" s="83"/>
      <c r="P44" s="83"/>
      <c r="Q44" s="83"/>
      <c r="R44" s="83"/>
      <c r="S44" s="84">
        <v>0</v>
      </c>
      <c r="T44" s="88"/>
      <c r="U44" s="8"/>
    </row>
    <row r="45" spans="1:21" ht="22.5" customHeight="1" x14ac:dyDescent="0.4">
      <c r="A45" s="6"/>
      <c r="B45" s="28"/>
      <c r="C45" s="89"/>
      <c r="D45" s="89"/>
      <c r="E45" s="89" t="s">
        <v>198</v>
      </c>
      <c r="F45" s="89"/>
      <c r="G45" s="89"/>
      <c r="H45" s="89"/>
      <c r="I45" s="90">
        <v>0</v>
      </c>
      <c r="J45" s="94"/>
      <c r="K45" s="21"/>
      <c r="L45" s="81" t="s">
        <v>225</v>
      </c>
      <c r="M45" s="83"/>
      <c r="N45" s="83"/>
      <c r="O45" s="83"/>
      <c r="P45" s="83"/>
      <c r="Q45" s="83"/>
      <c r="R45" s="83"/>
      <c r="S45" s="84">
        <v>0</v>
      </c>
      <c r="T45" s="88"/>
      <c r="U45" s="8"/>
    </row>
    <row r="46" spans="1:21" ht="22.5" customHeight="1" x14ac:dyDescent="0.4">
      <c r="A46" s="6"/>
      <c r="B46" s="28"/>
      <c r="C46" s="89"/>
      <c r="D46" s="89"/>
      <c r="E46" s="89" t="s">
        <v>199</v>
      </c>
      <c r="F46" s="89"/>
      <c r="G46" s="89"/>
      <c r="H46" s="89"/>
      <c r="I46" s="90">
        <v>0</v>
      </c>
      <c r="J46" s="94"/>
      <c r="K46" s="21"/>
      <c r="L46" s="21"/>
      <c r="M46" s="21"/>
      <c r="N46" s="21"/>
      <c r="O46" s="21"/>
      <c r="P46" s="21"/>
      <c r="Q46" s="21"/>
      <c r="R46" s="21"/>
      <c r="S46" s="22"/>
      <c r="T46" s="22"/>
      <c r="U46" s="8"/>
    </row>
    <row r="47" spans="1:21" ht="22.5" customHeight="1" x14ac:dyDescent="0.4">
      <c r="A47" s="6"/>
      <c r="B47" s="28"/>
      <c r="C47" s="89"/>
      <c r="D47" s="89" t="s">
        <v>200</v>
      </c>
      <c r="E47" s="89"/>
      <c r="F47" s="89"/>
      <c r="G47" s="89"/>
      <c r="H47" s="89"/>
      <c r="I47" s="90">
        <v>0</v>
      </c>
      <c r="J47" s="94"/>
      <c r="K47" s="21"/>
      <c r="L47" s="21"/>
      <c r="M47" s="21"/>
      <c r="N47" s="21"/>
      <c r="O47" s="21"/>
      <c r="P47" s="21"/>
      <c r="Q47" s="21"/>
      <c r="R47" s="21"/>
      <c r="S47" s="22"/>
      <c r="T47" s="22"/>
      <c r="U47" s="8"/>
    </row>
    <row r="48" spans="1:21" ht="22.5" customHeight="1" x14ac:dyDescent="0.4">
      <c r="A48" s="6"/>
      <c r="B48" s="28"/>
      <c r="C48" s="89"/>
      <c r="D48" s="89" t="s">
        <v>175</v>
      </c>
      <c r="E48" s="89"/>
      <c r="F48" s="89"/>
      <c r="G48" s="89"/>
      <c r="H48" s="89"/>
      <c r="I48" s="90">
        <v>0</v>
      </c>
      <c r="J48" s="94"/>
      <c r="K48" s="21"/>
      <c r="L48" s="21"/>
      <c r="M48" s="21"/>
      <c r="N48" s="21"/>
      <c r="O48" s="21"/>
      <c r="P48" s="21"/>
      <c r="Q48" s="21"/>
      <c r="R48" s="21"/>
      <c r="S48" s="22"/>
      <c r="T48" s="22"/>
      <c r="U48" s="8"/>
    </row>
    <row r="49" spans="1:21" ht="22.5" customHeight="1" x14ac:dyDescent="0.4">
      <c r="A49" s="6"/>
      <c r="B49" s="28"/>
      <c r="C49" s="89"/>
      <c r="D49" s="89"/>
      <c r="E49" s="89" t="s">
        <v>176</v>
      </c>
      <c r="F49" s="89"/>
      <c r="G49" s="89"/>
      <c r="H49" s="89"/>
      <c r="I49" s="90">
        <v>0</v>
      </c>
      <c r="J49" s="94"/>
      <c r="K49" s="21"/>
      <c r="L49" s="21"/>
      <c r="M49" s="21"/>
      <c r="N49" s="21"/>
      <c r="O49" s="21"/>
      <c r="P49" s="21"/>
      <c r="Q49" s="21"/>
      <c r="R49" s="21"/>
      <c r="S49" s="22"/>
      <c r="T49" s="22"/>
      <c r="U49" s="8"/>
    </row>
    <row r="50" spans="1:21" ht="22.5" customHeight="1" x14ac:dyDescent="0.4">
      <c r="A50" s="6"/>
      <c r="B50" s="28"/>
      <c r="C50" s="89"/>
      <c r="D50" s="89"/>
      <c r="E50" s="89" t="s">
        <v>177</v>
      </c>
      <c r="F50" s="89"/>
      <c r="G50" s="89"/>
      <c r="H50" s="89"/>
      <c r="I50" s="90">
        <v>0</v>
      </c>
      <c r="J50" s="94"/>
      <c r="K50" s="21"/>
      <c r="L50" s="21"/>
      <c r="M50" s="21"/>
      <c r="N50" s="21"/>
      <c r="O50" s="21"/>
      <c r="P50" s="21"/>
      <c r="Q50" s="21"/>
      <c r="R50" s="21"/>
      <c r="S50" s="22"/>
      <c r="T50" s="22"/>
      <c r="U50" s="8"/>
    </row>
    <row r="51" spans="1:21" ht="22.5" customHeight="1" x14ac:dyDescent="0.4">
      <c r="A51" s="6"/>
      <c r="B51" s="28"/>
      <c r="C51" s="89"/>
      <c r="D51" s="89"/>
      <c r="E51" s="89" t="s">
        <v>178</v>
      </c>
      <c r="F51" s="89"/>
      <c r="G51" s="89"/>
      <c r="H51" s="89"/>
      <c r="I51" s="90">
        <v>0</v>
      </c>
      <c r="J51" s="94"/>
      <c r="K51" s="21"/>
      <c r="L51" s="21"/>
      <c r="M51" s="21"/>
      <c r="N51" s="21"/>
      <c r="O51" s="21"/>
      <c r="P51" s="21"/>
      <c r="Q51" s="21"/>
      <c r="R51" s="21"/>
      <c r="S51" s="22"/>
      <c r="T51" s="22"/>
      <c r="U51" s="8"/>
    </row>
    <row r="52" spans="1:21" ht="22.5" customHeight="1" x14ac:dyDescent="0.4">
      <c r="A52" s="6"/>
      <c r="B52" s="28"/>
      <c r="C52" s="89"/>
      <c r="D52" s="89" t="s">
        <v>201</v>
      </c>
      <c r="E52" s="89"/>
      <c r="F52" s="89"/>
      <c r="G52" s="89"/>
      <c r="H52" s="89"/>
      <c r="I52" s="90">
        <v>0</v>
      </c>
      <c r="J52" s="94"/>
      <c r="K52" s="21"/>
      <c r="L52" s="21"/>
      <c r="M52" s="21"/>
      <c r="N52" s="21"/>
      <c r="O52" s="21"/>
      <c r="P52" s="21"/>
      <c r="Q52" s="21"/>
      <c r="R52" s="21"/>
      <c r="S52" s="22"/>
      <c r="T52" s="22"/>
      <c r="U52" s="8"/>
    </row>
    <row r="53" spans="1:21" ht="22.5" customHeight="1" x14ac:dyDescent="0.4">
      <c r="A53" s="6"/>
      <c r="B53" s="35"/>
      <c r="C53" s="36"/>
      <c r="D53" s="36" t="s">
        <v>202</v>
      </c>
      <c r="E53" s="36"/>
      <c r="F53" s="36"/>
      <c r="G53" s="36"/>
      <c r="H53" s="36"/>
      <c r="I53" s="107">
        <v>0</v>
      </c>
      <c r="J53" s="110"/>
      <c r="K53" s="21"/>
      <c r="L53" s="21"/>
      <c r="M53" s="21"/>
      <c r="N53" s="21"/>
      <c r="O53" s="21"/>
      <c r="P53" s="21"/>
      <c r="Q53" s="21"/>
      <c r="R53" s="21"/>
      <c r="S53" s="22"/>
      <c r="T53" s="22"/>
      <c r="U53" s="8"/>
    </row>
    <row r="54" spans="1:21" ht="22.5" customHeight="1" x14ac:dyDescent="0.4">
      <c r="A54" s="6"/>
      <c r="B54" s="21"/>
      <c r="C54" s="21"/>
      <c r="D54" s="21"/>
      <c r="E54" s="21"/>
      <c r="F54" s="21"/>
      <c r="G54" s="21"/>
      <c r="H54" s="21"/>
      <c r="I54" s="22"/>
      <c r="J54" s="22"/>
      <c r="K54" s="21"/>
      <c r="L54" s="21"/>
      <c r="M54" s="21"/>
      <c r="N54" s="21"/>
      <c r="O54" s="21"/>
      <c r="P54" s="21"/>
      <c r="Q54" s="21"/>
      <c r="R54" s="21"/>
      <c r="S54" s="22"/>
      <c r="T54" s="22"/>
      <c r="U54" s="8"/>
    </row>
    <row r="55" spans="1:21" ht="22.5" customHeight="1" x14ac:dyDescent="0.4">
      <c r="A55" s="6"/>
      <c r="B55" s="21"/>
      <c r="C55" s="21"/>
      <c r="D55" s="21"/>
      <c r="E55" s="21"/>
      <c r="F55" s="21"/>
      <c r="G55" s="21"/>
      <c r="H55" s="21"/>
      <c r="I55" s="22"/>
      <c r="J55" s="22"/>
      <c r="K55" s="21"/>
      <c r="L55" s="21"/>
      <c r="M55" s="21"/>
      <c r="N55" s="21"/>
      <c r="O55" s="21"/>
      <c r="P55" s="21"/>
      <c r="Q55" s="21"/>
      <c r="R55" s="21"/>
      <c r="S55" s="22"/>
      <c r="T55" s="22"/>
      <c r="U55" s="8"/>
    </row>
    <row r="56" spans="1:21" ht="22.5" customHeight="1" x14ac:dyDescent="0.4">
      <c r="A56" s="6"/>
      <c r="B56" s="21"/>
      <c r="C56" s="21"/>
      <c r="D56" s="21"/>
      <c r="E56" s="21"/>
      <c r="F56" s="21"/>
      <c r="G56" s="21"/>
      <c r="H56" s="21"/>
      <c r="I56" s="22"/>
      <c r="J56" s="22"/>
      <c r="K56" s="21"/>
      <c r="L56" s="21"/>
      <c r="M56" s="21"/>
      <c r="N56" s="21"/>
      <c r="O56" s="21"/>
      <c r="P56" s="21"/>
      <c r="Q56" s="21"/>
      <c r="R56" s="21"/>
      <c r="S56" s="22"/>
      <c r="T56" s="22"/>
      <c r="U56" s="8"/>
    </row>
    <row r="57" spans="1:21" ht="22.5" customHeight="1" x14ac:dyDescent="0.4">
      <c r="A57" s="6"/>
      <c r="B57" s="21"/>
      <c r="C57" s="21"/>
      <c r="D57" s="21"/>
      <c r="E57" s="21"/>
      <c r="F57" s="21"/>
      <c r="G57" s="21"/>
      <c r="H57" s="21"/>
      <c r="I57" s="22"/>
      <c r="J57" s="22"/>
      <c r="K57" s="21"/>
      <c r="L57" s="21"/>
      <c r="M57" s="21"/>
      <c r="N57" s="21"/>
      <c r="O57" s="21"/>
      <c r="P57" s="21"/>
      <c r="Q57" s="21"/>
      <c r="R57" s="21"/>
      <c r="S57" s="22"/>
      <c r="T57" s="22"/>
      <c r="U57" s="8"/>
    </row>
    <row r="58" spans="1:21" ht="22.5" customHeight="1" x14ac:dyDescent="0.4">
      <c r="A58" s="6"/>
      <c r="B58" s="21"/>
      <c r="C58" s="21"/>
      <c r="D58" s="21"/>
      <c r="E58" s="21"/>
      <c r="F58" s="21"/>
      <c r="G58" s="21"/>
      <c r="H58" s="21"/>
      <c r="I58" s="22"/>
      <c r="J58" s="22"/>
      <c r="K58" s="21"/>
      <c r="L58" s="21"/>
      <c r="M58" s="21"/>
      <c r="N58" s="21"/>
      <c r="O58" s="21"/>
      <c r="P58" s="21"/>
      <c r="Q58" s="21"/>
      <c r="R58" s="21"/>
      <c r="S58" s="22"/>
      <c r="T58" s="22"/>
      <c r="U58" s="8"/>
    </row>
    <row r="59" spans="1:21" ht="22.5" customHeight="1" x14ac:dyDescent="0.4">
      <c r="A59" s="6"/>
      <c r="B59" s="21"/>
      <c r="C59" s="21"/>
      <c r="D59" s="21"/>
      <c r="E59" s="21"/>
      <c r="F59" s="21"/>
      <c r="G59" s="21"/>
      <c r="H59" s="21"/>
      <c r="I59" s="22"/>
      <c r="J59" s="22"/>
      <c r="K59" s="21"/>
      <c r="L59" s="21"/>
      <c r="M59" s="21"/>
      <c r="N59" s="21"/>
      <c r="O59" s="21"/>
      <c r="P59" s="21"/>
      <c r="Q59" s="21"/>
      <c r="R59" s="21"/>
      <c r="S59" s="22"/>
      <c r="T59" s="22"/>
      <c r="U59" s="8"/>
    </row>
    <row r="60" spans="1:21" ht="22.5" customHeight="1" x14ac:dyDescent="0.4">
      <c r="A60" s="6"/>
      <c r="B60" s="21"/>
      <c r="C60" s="21"/>
      <c r="D60" s="21"/>
      <c r="E60" s="21"/>
      <c r="F60" s="21"/>
      <c r="G60" s="21"/>
      <c r="H60" s="21"/>
      <c r="I60" s="22"/>
      <c r="J60" s="22"/>
      <c r="K60" s="21"/>
      <c r="L60" s="21"/>
      <c r="M60" s="21"/>
      <c r="N60" s="21"/>
      <c r="O60" s="21"/>
      <c r="P60" s="21"/>
      <c r="Q60" s="21"/>
      <c r="R60" s="21"/>
      <c r="S60" s="22"/>
      <c r="T60" s="22"/>
      <c r="U60" s="8"/>
    </row>
    <row r="61" spans="1:21" ht="22.5" customHeight="1" x14ac:dyDescent="0.4">
      <c r="A61" s="6"/>
      <c r="B61" s="21"/>
      <c r="C61" s="21"/>
      <c r="D61" s="21"/>
      <c r="E61" s="21"/>
      <c r="F61" s="21"/>
      <c r="G61" s="21"/>
      <c r="H61" s="21"/>
      <c r="I61" s="22"/>
      <c r="J61" s="22"/>
      <c r="K61" s="21"/>
      <c r="L61" s="21"/>
      <c r="M61" s="21"/>
      <c r="N61" s="21"/>
      <c r="O61" s="21"/>
      <c r="P61" s="21"/>
      <c r="Q61" s="21"/>
      <c r="R61" s="21"/>
      <c r="S61" s="22"/>
      <c r="T61" s="22"/>
      <c r="U61" s="8"/>
    </row>
    <row r="62" spans="1:21" ht="22.5" customHeight="1" x14ac:dyDescent="0.4">
      <c r="A62" s="6"/>
      <c r="B62" s="21"/>
      <c r="C62" s="21"/>
      <c r="D62" s="21"/>
      <c r="E62" s="21"/>
      <c r="F62" s="21"/>
      <c r="G62" s="21"/>
      <c r="H62" s="21"/>
      <c r="I62" s="22"/>
      <c r="J62" s="22"/>
      <c r="K62" s="21"/>
      <c r="L62" s="21"/>
      <c r="M62" s="21"/>
      <c r="N62" s="21"/>
      <c r="O62" s="21"/>
      <c r="P62" s="21"/>
      <c r="Q62" s="21"/>
      <c r="R62" s="21"/>
      <c r="S62" s="22"/>
      <c r="T62" s="22"/>
      <c r="U62" s="8"/>
    </row>
    <row r="63" spans="1:21" ht="22.5" customHeight="1" x14ac:dyDescent="0.4">
      <c r="A63" s="6"/>
      <c r="B63" s="21"/>
      <c r="C63" s="21"/>
      <c r="D63" s="21"/>
      <c r="E63" s="21"/>
      <c r="F63" s="21"/>
      <c r="G63" s="21"/>
      <c r="H63" s="21"/>
      <c r="I63" s="22"/>
      <c r="J63" s="22"/>
      <c r="L63" s="21"/>
      <c r="M63" s="21"/>
      <c r="N63" s="21"/>
      <c r="O63" s="21"/>
      <c r="P63" s="21"/>
      <c r="Q63" s="21"/>
      <c r="R63" s="21"/>
      <c r="S63" s="22"/>
      <c r="T63" s="22"/>
      <c r="U63" s="8"/>
    </row>
    <row r="64" spans="1:21" ht="22.5" customHeight="1" x14ac:dyDescent="0.4">
      <c r="A64" s="64"/>
      <c r="B64" s="63"/>
      <c r="C64" s="63"/>
      <c r="D64" s="63"/>
      <c r="E64" s="63"/>
      <c r="F64" s="63"/>
      <c r="G64" s="63"/>
      <c r="H64" s="63"/>
      <c r="I64" s="65"/>
      <c r="J64" s="65"/>
      <c r="K64" s="63"/>
      <c r="L64" s="63"/>
      <c r="M64" s="63"/>
      <c r="N64" s="63"/>
      <c r="O64" s="63"/>
      <c r="P64" s="63"/>
      <c r="Q64" s="63"/>
      <c r="R64" s="63"/>
      <c r="S64" s="65"/>
      <c r="T64" s="65"/>
      <c r="U64" s="66"/>
    </row>
    <row r="65" spans="9:20" ht="22.5" customHeight="1" x14ac:dyDescent="0.4">
      <c r="I65" s="24"/>
      <c r="J65" s="24"/>
      <c r="S65" s="24"/>
      <c r="T65" s="24"/>
    </row>
    <row r="66" spans="9:20" ht="22.5" customHeight="1" x14ac:dyDescent="0.4">
      <c r="I66" s="26"/>
      <c r="J66" s="26"/>
      <c r="S66" s="26"/>
      <c r="T66" s="26"/>
    </row>
    <row r="67" spans="9:20" ht="22.5" customHeight="1" x14ac:dyDescent="0.4">
      <c r="I67" s="26"/>
      <c r="J67" s="26"/>
      <c r="S67" s="26"/>
      <c r="T67" s="26"/>
    </row>
    <row r="68" spans="9:20" ht="22.5" customHeight="1" x14ac:dyDescent="0.4">
      <c r="I68" s="26"/>
      <c r="J68" s="26"/>
      <c r="S68" s="26"/>
      <c r="T68" s="26"/>
    </row>
    <row r="69" spans="9:20" ht="22.5" customHeight="1" x14ac:dyDescent="0.4">
      <c r="I69" s="26"/>
      <c r="J69" s="26"/>
      <c r="S69" s="26"/>
      <c r="T69" s="26"/>
    </row>
    <row r="70" spans="9:20" ht="22.5" customHeight="1" x14ac:dyDescent="0.4">
      <c r="I70" s="26"/>
      <c r="J70" s="26"/>
      <c r="S70" s="26"/>
      <c r="T70" s="26"/>
    </row>
    <row r="71" spans="9:20" ht="22.5" customHeight="1" x14ac:dyDescent="0.4">
      <c r="I71" s="26"/>
      <c r="J71" s="26"/>
      <c r="S71" s="26"/>
      <c r="T71" s="26"/>
    </row>
    <row r="72" spans="9:20" ht="22.5" customHeight="1" x14ac:dyDescent="0.4">
      <c r="I72" s="26"/>
      <c r="J72" s="26"/>
      <c r="S72" s="26"/>
      <c r="T72" s="26"/>
    </row>
    <row r="73" spans="9:20" ht="22.5" customHeight="1" x14ac:dyDescent="0.4">
      <c r="I73" s="26"/>
      <c r="J73" s="26"/>
      <c r="S73" s="26"/>
      <c r="T73" s="26"/>
    </row>
    <row r="74" spans="9:20" ht="22.5" customHeight="1" x14ac:dyDescent="0.4">
      <c r="I74" s="26"/>
      <c r="J74" s="26"/>
      <c r="S74" s="26"/>
      <c r="T74" s="26"/>
    </row>
    <row r="75" spans="9:20" ht="22.5" customHeight="1" x14ac:dyDescent="0.4">
      <c r="I75" s="26"/>
      <c r="J75" s="26"/>
      <c r="S75" s="26"/>
      <c r="T75" s="26"/>
    </row>
    <row r="76" spans="9:20" ht="22.5" customHeight="1" x14ac:dyDescent="0.4">
      <c r="I76" s="26"/>
      <c r="J76" s="26"/>
      <c r="S76" s="26"/>
      <c r="T76" s="26"/>
    </row>
    <row r="77" spans="9:20" ht="22.5" customHeight="1" x14ac:dyDescent="0.4">
      <c r="I77" s="26"/>
      <c r="J77" s="26"/>
      <c r="S77" s="26"/>
      <c r="T77" s="26"/>
    </row>
    <row r="78" spans="9:20" ht="22.5" customHeight="1" x14ac:dyDescent="0.4">
      <c r="I78" s="26"/>
      <c r="J78" s="26"/>
      <c r="S78" s="26"/>
      <c r="T78" s="26"/>
    </row>
    <row r="79" spans="9:20" ht="22.5" customHeight="1" x14ac:dyDescent="0.4">
      <c r="I79" s="26"/>
      <c r="J79" s="26"/>
      <c r="S79" s="26"/>
      <c r="T79" s="26"/>
    </row>
    <row r="80" spans="9:20" ht="22.5" customHeight="1" x14ac:dyDescent="0.4">
      <c r="I80" s="26"/>
      <c r="J80" s="26"/>
      <c r="S80" s="26"/>
      <c r="T80" s="26"/>
    </row>
    <row r="81" spans="9:20" ht="22.5" customHeight="1" x14ac:dyDescent="0.4">
      <c r="I81" s="26"/>
      <c r="J81" s="26"/>
      <c r="S81" s="26"/>
      <c r="T81" s="26"/>
    </row>
    <row r="82" spans="9:20" ht="22.5" customHeight="1" x14ac:dyDescent="0.4">
      <c r="I82" s="26"/>
      <c r="J82" s="26"/>
      <c r="S82" s="26"/>
      <c r="T82" s="26"/>
    </row>
    <row r="83" spans="9:20" ht="22.5" customHeight="1" x14ac:dyDescent="0.4">
      <c r="I83" s="26"/>
      <c r="J83" s="26"/>
      <c r="S83" s="26"/>
      <c r="T83" s="26"/>
    </row>
    <row r="84" spans="9:20" ht="22.5" customHeight="1" x14ac:dyDescent="0.4">
      <c r="I84" s="26"/>
      <c r="J84" s="26"/>
      <c r="S84" s="26"/>
      <c r="T84" s="26"/>
    </row>
    <row r="85" spans="9:20" ht="22.5" customHeight="1" x14ac:dyDescent="0.4">
      <c r="I85" s="26"/>
      <c r="J85" s="26"/>
      <c r="S85" s="26"/>
      <c r="T85" s="26"/>
    </row>
    <row r="86" spans="9:20" ht="22.5" customHeight="1" x14ac:dyDescent="0.4">
      <c r="I86" s="26"/>
      <c r="J86" s="26"/>
      <c r="S86" s="26"/>
      <c r="T86" s="26"/>
    </row>
    <row r="87" spans="9:20" ht="22.5" customHeight="1" x14ac:dyDescent="0.4">
      <c r="I87" s="26"/>
      <c r="J87" s="26"/>
      <c r="S87" s="26"/>
      <c r="T87" s="26"/>
    </row>
    <row r="88" spans="9:20" ht="22.5" customHeight="1" x14ac:dyDescent="0.4">
      <c r="I88" s="26"/>
      <c r="J88" s="26"/>
      <c r="S88" s="26"/>
      <c r="T88" s="26"/>
    </row>
    <row r="89" spans="9:20" ht="22.5" customHeight="1" x14ac:dyDescent="0.4">
      <c r="I89" s="26"/>
      <c r="J89" s="26"/>
      <c r="S89" s="26"/>
      <c r="T89" s="26"/>
    </row>
    <row r="90" spans="9:20" ht="22.5" customHeight="1" x14ac:dyDescent="0.4">
      <c r="I90" s="26"/>
      <c r="J90" s="26"/>
      <c r="S90" s="26"/>
      <c r="T90" s="26"/>
    </row>
    <row r="91" spans="9:20" ht="22.5" customHeight="1" x14ac:dyDescent="0.4">
      <c r="I91" s="26"/>
      <c r="J91" s="26"/>
      <c r="S91" s="26"/>
      <c r="T91" s="26"/>
    </row>
    <row r="92" spans="9:20" ht="22.5" customHeight="1" x14ac:dyDescent="0.4">
      <c r="I92" s="26"/>
      <c r="J92" s="26"/>
      <c r="S92" s="26"/>
      <c r="T92" s="26"/>
    </row>
    <row r="93" spans="9:20" ht="22.5" customHeight="1" x14ac:dyDescent="0.4">
      <c r="I93" s="26"/>
      <c r="J93" s="26"/>
      <c r="S93" s="26"/>
      <c r="T93" s="26"/>
    </row>
    <row r="94" spans="9:20" ht="22.5" customHeight="1" x14ac:dyDescent="0.4">
      <c r="I94" s="26"/>
      <c r="J94" s="26"/>
      <c r="S94" s="26"/>
      <c r="T94" s="26"/>
    </row>
    <row r="95" spans="9:20" ht="22.5" customHeight="1" x14ac:dyDescent="0.4">
      <c r="I95" s="26"/>
      <c r="J95" s="26"/>
      <c r="S95" s="26"/>
      <c r="T95" s="26"/>
    </row>
    <row r="96" spans="9:20" ht="22.5" customHeight="1" x14ac:dyDescent="0.4">
      <c r="I96" s="26"/>
      <c r="J96" s="26"/>
      <c r="S96" s="26"/>
      <c r="T96" s="26"/>
    </row>
    <row r="97" spans="9:20" ht="22.5" customHeight="1" x14ac:dyDescent="0.4">
      <c r="I97" s="26"/>
      <c r="J97" s="26"/>
      <c r="S97" s="26"/>
      <c r="T97" s="26"/>
    </row>
    <row r="98" spans="9:20" ht="22.5" customHeight="1" x14ac:dyDescent="0.4">
      <c r="I98" s="26"/>
      <c r="J98" s="26"/>
      <c r="S98" s="26"/>
      <c r="T98" s="26"/>
    </row>
    <row r="99" spans="9:20" ht="22.5" customHeight="1" x14ac:dyDescent="0.4">
      <c r="I99" s="26"/>
      <c r="J99" s="26"/>
      <c r="S99" s="26"/>
      <c r="T99" s="26"/>
    </row>
    <row r="100" spans="9:20" ht="22.5" customHeight="1" x14ac:dyDescent="0.4">
      <c r="I100" s="26"/>
      <c r="J100" s="26"/>
      <c r="S100" s="26"/>
      <c r="T100" s="26"/>
    </row>
    <row r="101" spans="9:20" ht="22.5" customHeight="1" x14ac:dyDescent="0.4">
      <c r="I101" s="26"/>
      <c r="J101" s="26"/>
      <c r="S101" s="26"/>
      <c r="T101" s="26"/>
    </row>
    <row r="102" spans="9:20" ht="22.5" customHeight="1" x14ac:dyDescent="0.4">
      <c r="I102" s="26"/>
      <c r="J102" s="26"/>
      <c r="S102" s="26"/>
      <c r="T102" s="26"/>
    </row>
    <row r="103" spans="9:20" ht="22.5" customHeight="1" x14ac:dyDescent="0.4">
      <c r="I103" s="26"/>
      <c r="J103" s="26"/>
      <c r="S103" s="26"/>
      <c r="T103" s="26"/>
    </row>
    <row r="104" spans="9:20" ht="22.5" customHeight="1" x14ac:dyDescent="0.4">
      <c r="I104" s="26"/>
      <c r="J104" s="26"/>
      <c r="S104" s="26"/>
      <c r="T104" s="26"/>
    </row>
    <row r="105" spans="9:20" ht="22.5" customHeight="1" x14ac:dyDescent="0.4">
      <c r="I105" s="26"/>
      <c r="J105" s="26"/>
      <c r="S105" s="26"/>
      <c r="T105" s="26"/>
    </row>
    <row r="106" spans="9:20" ht="22.5" customHeight="1" x14ac:dyDescent="0.4">
      <c r="I106" s="26"/>
      <c r="J106" s="26"/>
      <c r="S106" s="26"/>
      <c r="T106" s="26"/>
    </row>
    <row r="107" spans="9:20" ht="22.5" customHeight="1" x14ac:dyDescent="0.4">
      <c r="I107" s="26"/>
      <c r="J107" s="26"/>
      <c r="S107" s="26"/>
      <c r="T107" s="26"/>
    </row>
    <row r="108" spans="9:20" ht="22.5" customHeight="1" x14ac:dyDescent="0.4">
      <c r="I108" s="26"/>
      <c r="J108" s="26"/>
      <c r="S108" s="26"/>
      <c r="T108" s="26"/>
    </row>
    <row r="109" spans="9:20" ht="22.5" customHeight="1" x14ac:dyDescent="0.4">
      <c r="I109" s="26"/>
      <c r="J109" s="26"/>
      <c r="S109" s="26"/>
      <c r="T109" s="26"/>
    </row>
    <row r="110" spans="9:20" ht="22.5" customHeight="1" x14ac:dyDescent="0.4">
      <c r="I110" s="26"/>
      <c r="J110" s="26"/>
      <c r="S110" s="26"/>
      <c r="T110" s="26"/>
    </row>
    <row r="111" spans="9:20" ht="22.5" customHeight="1" x14ac:dyDescent="0.4">
      <c r="I111" s="26"/>
      <c r="J111" s="26"/>
      <c r="S111" s="26"/>
      <c r="T111" s="26"/>
    </row>
    <row r="112" spans="9:20" ht="22.5" customHeight="1" x14ac:dyDescent="0.4">
      <c r="I112" s="26"/>
      <c r="J112" s="26"/>
      <c r="S112" s="26"/>
      <c r="T112" s="26"/>
    </row>
    <row r="113" spans="9:20" ht="22.5" customHeight="1" x14ac:dyDescent="0.4">
      <c r="I113" s="26"/>
      <c r="J113" s="26"/>
      <c r="S113" s="26"/>
      <c r="T113" s="26"/>
    </row>
    <row r="114" spans="9:20" ht="22.5" customHeight="1" x14ac:dyDescent="0.4">
      <c r="I114" s="26"/>
      <c r="J114" s="26"/>
      <c r="S114" s="26"/>
      <c r="T114" s="26"/>
    </row>
    <row r="115" spans="9:20" ht="22.5" customHeight="1" x14ac:dyDescent="0.4">
      <c r="I115" s="26"/>
      <c r="J115" s="26"/>
      <c r="S115" s="26"/>
      <c r="T115" s="26"/>
    </row>
    <row r="116" spans="9:20" ht="22.5" customHeight="1" x14ac:dyDescent="0.4">
      <c r="I116" s="26"/>
      <c r="J116" s="26"/>
      <c r="S116" s="26"/>
      <c r="T116" s="26"/>
    </row>
    <row r="117" spans="9:20" ht="22.5" customHeight="1" x14ac:dyDescent="0.4">
      <c r="I117" s="26"/>
      <c r="J117" s="26"/>
      <c r="S117" s="26"/>
      <c r="T117" s="26"/>
    </row>
    <row r="118" spans="9:20" ht="22.5" customHeight="1" x14ac:dyDescent="0.4">
      <c r="I118" s="26"/>
      <c r="J118" s="26"/>
      <c r="S118" s="26"/>
      <c r="T118" s="26"/>
    </row>
    <row r="119" spans="9:20" ht="22.5" customHeight="1" x14ac:dyDescent="0.4">
      <c r="I119" s="26"/>
      <c r="J119" s="26"/>
      <c r="S119" s="26"/>
      <c r="T119" s="26"/>
    </row>
    <row r="120" spans="9:20" ht="22.5" customHeight="1" x14ac:dyDescent="0.4">
      <c r="I120" s="26"/>
      <c r="J120" s="26"/>
      <c r="S120" s="26"/>
      <c r="T120" s="26"/>
    </row>
    <row r="121" spans="9:20" ht="22.5" customHeight="1" x14ac:dyDescent="0.4">
      <c r="I121" s="26"/>
      <c r="J121" s="26"/>
      <c r="S121" s="26"/>
      <c r="T121" s="26"/>
    </row>
    <row r="122" spans="9:20" ht="22.5" customHeight="1" x14ac:dyDescent="0.4">
      <c r="I122" s="26"/>
      <c r="J122" s="26"/>
      <c r="S122" s="26"/>
      <c r="T122" s="26"/>
    </row>
    <row r="123" spans="9:20" ht="22.5" customHeight="1" x14ac:dyDescent="0.4">
      <c r="I123" s="26"/>
      <c r="J123" s="26"/>
      <c r="S123" s="26"/>
      <c r="T123" s="26"/>
    </row>
    <row r="124" spans="9:20" ht="22.5" customHeight="1" x14ac:dyDescent="0.4">
      <c r="I124" s="26"/>
      <c r="J124" s="26"/>
      <c r="S124" s="26"/>
      <c r="T124" s="26"/>
    </row>
    <row r="125" spans="9:20" ht="22.5" customHeight="1" x14ac:dyDescent="0.4">
      <c r="I125" s="26"/>
      <c r="J125" s="26"/>
      <c r="S125" s="26"/>
      <c r="T125" s="26"/>
    </row>
    <row r="126" spans="9:20" ht="22.5" customHeight="1" x14ac:dyDescent="0.4">
      <c r="I126" s="26"/>
      <c r="J126" s="26"/>
      <c r="S126" s="26"/>
      <c r="T126" s="26"/>
    </row>
    <row r="127" spans="9:20" ht="22.5" customHeight="1" x14ac:dyDescent="0.4">
      <c r="I127" s="26"/>
      <c r="J127" s="26"/>
      <c r="S127" s="26"/>
      <c r="T127" s="26"/>
    </row>
    <row r="128" spans="9:20" ht="22.5" customHeight="1" x14ac:dyDescent="0.4">
      <c r="I128" s="26"/>
      <c r="J128" s="26"/>
      <c r="S128" s="26"/>
      <c r="T128" s="26"/>
    </row>
    <row r="129" spans="9:20" ht="22.5" customHeight="1" x14ac:dyDescent="0.4">
      <c r="I129" s="26"/>
      <c r="J129" s="26"/>
      <c r="S129" s="26"/>
      <c r="T129" s="26"/>
    </row>
    <row r="130" spans="9:20" ht="22.5" customHeight="1" x14ac:dyDescent="0.4">
      <c r="I130" s="26"/>
      <c r="J130" s="26"/>
      <c r="S130" s="26"/>
      <c r="T130" s="26"/>
    </row>
    <row r="131" spans="9:20" ht="22.5" customHeight="1" x14ac:dyDescent="0.4">
      <c r="I131" s="26"/>
      <c r="J131" s="26"/>
      <c r="S131" s="26"/>
      <c r="T131" s="26"/>
    </row>
    <row r="132" spans="9:20" ht="22.5" customHeight="1" x14ac:dyDescent="0.4">
      <c r="I132" s="26"/>
      <c r="J132" s="26"/>
      <c r="S132" s="26"/>
      <c r="T132" s="26"/>
    </row>
    <row r="133" spans="9:20" ht="22.5" customHeight="1" x14ac:dyDescent="0.4">
      <c r="I133" s="26"/>
      <c r="J133" s="26"/>
      <c r="S133" s="26"/>
      <c r="T133" s="26"/>
    </row>
    <row r="134" spans="9:20" ht="22.5" customHeight="1" x14ac:dyDescent="0.4">
      <c r="I134" s="26"/>
      <c r="J134" s="26"/>
      <c r="S134" s="26"/>
      <c r="T134" s="26"/>
    </row>
    <row r="135" spans="9:20" ht="22.5" customHeight="1" x14ac:dyDescent="0.4">
      <c r="I135" s="26"/>
      <c r="J135" s="26"/>
      <c r="S135" s="26"/>
      <c r="T135" s="26"/>
    </row>
    <row r="136" spans="9:20" ht="22.5" customHeight="1" x14ac:dyDescent="0.4">
      <c r="I136" s="26"/>
      <c r="J136" s="26"/>
      <c r="S136" s="26"/>
      <c r="T136" s="26"/>
    </row>
    <row r="137" spans="9:20" ht="22.5" customHeight="1" x14ac:dyDescent="0.4">
      <c r="I137" s="26"/>
      <c r="J137" s="26"/>
      <c r="S137" s="26"/>
      <c r="T137" s="26"/>
    </row>
    <row r="138" spans="9:20" ht="22.5" customHeight="1" x14ac:dyDescent="0.4">
      <c r="I138" s="26"/>
      <c r="J138" s="26"/>
      <c r="S138" s="26"/>
      <c r="T138" s="26"/>
    </row>
    <row r="139" spans="9:20" ht="22.5" customHeight="1" x14ac:dyDescent="0.4">
      <c r="I139" s="26"/>
      <c r="J139" s="26"/>
      <c r="S139" s="26"/>
      <c r="T139" s="26"/>
    </row>
    <row r="140" spans="9:20" ht="22.5" customHeight="1" x14ac:dyDescent="0.4">
      <c r="I140" s="26"/>
      <c r="J140" s="26"/>
      <c r="S140" s="26"/>
      <c r="T140" s="26"/>
    </row>
    <row r="141" spans="9:20" ht="22.5" customHeight="1" x14ac:dyDescent="0.4">
      <c r="I141" s="26"/>
      <c r="J141" s="26"/>
      <c r="S141" s="26"/>
      <c r="T141" s="26"/>
    </row>
    <row r="142" spans="9:20" ht="22.5" customHeight="1" x14ac:dyDescent="0.4">
      <c r="I142" s="26"/>
      <c r="J142" s="26"/>
      <c r="S142" s="26"/>
      <c r="T142" s="26"/>
    </row>
    <row r="143" spans="9:20" ht="22.5" customHeight="1" x14ac:dyDescent="0.4">
      <c r="I143" s="26"/>
      <c r="J143" s="26"/>
      <c r="S143" s="26"/>
      <c r="T143" s="26"/>
    </row>
    <row r="144" spans="9:20" ht="22.5" customHeight="1" x14ac:dyDescent="0.4">
      <c r="I144" s="26"/>
      <c r="J144" s="26"/>
      <c r="S144" s="26"/>
      <c r="T144" s="26"/>
    </row>
    <row r="145" spans="9:20" ht="22.5" customHeight="1" x14ac:dyDescent="0.4">
      <c r="I145" s="26"/>
      <c r="J145" s="26"/>
      <c r="S145" s="26"/>
      <c r="T145" s="26"/>
    </row>
    <row r="146" spans="9:20" ht="22.5" customHeight="1" x14ac:dyDescent="0.4">
      <c r="I146" s="26"/>
      <c r="J146" s="26"/>
      <c r="S146" s="26"/>
      <c r="T146" s="26"/>
    </row>
    <row r="147" spans="9:20" ht="22.5" customHeight="1" x14ac:dyDescent="0.4">
      <c r="I147" s="26"/>
      <c r="J147" s="26"/>
      <c r="S147" s="26"/>
      <c r="T147" s="26"/>
    </row>
    <row r="148" spans="9:20" ht="22.5" customHeight="1" x14ac:dyDescent="0.4">
      <c r="I148" s="26"/>
      <c r="J148" s="26"/>
      <c r="S148" s="26"/>
      <c r="T148" s="26"/>
    </row>
    <row r="149" spans="9:20" ht="22.5" customHeight="1" x14ac:dyDescent="0.4">
      <c r="I149" s="26"/>
      <c r="J149" s="26"/>
      <c r="S149" s="26"/>
      <c r="T149" s="26"/>
    </row>
    <row r="150" spans="9:20" ht="22.5" customHeight="1" x14ac:dyDescent="0.4">
      <c r="I150" s="26"/>
      <c r="J150" s="26"/>
      <c r="S150" s="26"/>
      <c r="T150" s="26"/>
    </row>
    <row r="151" spans="9:20" ht="22.5" customHeight="1" x14ac:dyDescent="0.4">
      <c r="I151" s="26"/>
      <c r="J151" s="26"/>
      <c r="S151" s="26"/>
      <c r="T151" s="26"/>
    </row>
    <row r="152" spans="9:20" ht="22.5" customHeight="1" x14ac:dyDescent="0.4">
      <c r="I152" s="26"/>
      <c r="J152" s="26"/>
      <c r="S152" s="26"/>
      <c r="T152" s="26"/>
    </row>
    <row r="153" spans="9:20" ht="22.5" customHeight="1" x14ac:dyDescent="0.4">
      <c r="I153" s="26"/>
      <c r="J153" s="26"/>
      <c r="S153" s="26"/>
      <c r="T153" s="26"/>
    </row>
    <row r="154" spans="9:20" ht="22.5" customHeight="1" x14ac:dyDescent="0.4">
      <c r="I154" s="26"/>
      <c r="J154" s="26"/>
      <c r="S154" s="26"/>
      <c r="T154" s="26"/>
    </row>
    <row r="155" spans="9:20" ht="22.5" customHeight="1" x14ac:dyDescent="0.4">
      <c r="I155" s="26"/>
      <c r="J155" s="26"/>
      <c r="S155" s="26"/>
      <c r="T155" s="26"/>
    </row>
    <row r="156" spans="9:20" ht="22.5" customHeight="1" x14ac:dyDescent="0.4">
      <c r="I156" s="26"/>
      <c r="J156" s="26"/>
      <c r="S156" s="26"/>
      <c r="T156" s="26"/>
    </row>
    <row r="157" spans="9:20" ht="22.5" customHeight="1" x14ac:dyDescent="0.4">
      <c r="I157" s="26"/>
      <c r="J157" s="26"/>
      <c r="S157" s="26"/>
      <c r="T157" s="26"/>
    </row>
    <row r="158" spans="9:20" ht="22.5" customHeight="1" x14ac:dyDescent="0.4">
      <c r="I158" s="26"/>
      <c r="J158" s="26"/>
      <c r="S158" s="26"/>
      <c r="T158" s="26"/>
    </row>
    <row r="159" spans="9:20" ht="22.5" customHeight="1" x14ac:dyDescent="0.4">
      <c r="I159" s="26"/>
      <c r="J159" s="26"/>
      <c r="S159" s="26"/>
      <c r="T159" s="26"/>
    </row>
    <row r="160" spans="9:20" ht="22.5" customHeight="1" x14ac:dyDescent="0.4">
      <c r="I160" s="26"/>
      <c r="J160" s="26"/>
      <c r="S160" s="26"/>
      <c r="T160" s="26"/>
    </row>
    <row r="161" spans="9:20" ht="22.5" customHeight="1" x14ac:dyDescent="0.4">
      <c r="I161" s="26"/>
      <c r="J161" s="26"/>
      <c r="S161" s="26"/>
      <c r="T161" s="26"/>
    </row>
    <row r="162" spans="9:20" ht="22.5" customHeight="1" x14ac:dyDescent="0.4">
      <c r="I162" s="26"/>
      <c r="J162" s="26"/>
      <c r="S162" s="26"/>
      <c r="T162" s="26"/>
    </row>
    <row r="163" spans="9:20" ht="22.5" customHeight="1" x14ac:dyDescent="0.4">
      <c r="I163" s="26"/>
      <c r="J163" s="26"/>
      <c r="S163" s="26"/>
      <c r="T163" s="26"/>
    </row>
    <row r="164" spans="9:20" ht="22.5" customHeight="1" x14ac:dyDescent="0.4">
      <c r="I164" s="26"/>
      <c r="J164" s="26"/>
      <c r="S164" s="26"/>
      <c r="T164" s="26"/>
    </row>
    <row r="165" spans="9:20" ht="22.5" customHeight="1" x14ac:dyDescent="0.4">
      <c r="I165" s="26"/>
      <c r="J165" s="26"/>
      <c r="S165" s="26"/>
      <c r="T165" s="26"/>
    </row>
    <row r="166" spans="9:20" ht="22.5" customHeight="1" x14ac:dyDescent="0.4">
      <c r="I166" s="26"/>
      <c r="J166" s="26"/>
      <c r="S166" s="26"/>
      <c r="T166" s="26"/>
    </row>
    <row r="167" spans="9:20" ht="22.5" customHeight="1" x14ac:dyDescent="0.4">
      <c r="I167" s="26"/>
      <c r="J167" s="26"/>
      <c r="S167" s="26"/>
      <c r="T167" s="26"/>
    </row>
    <row r="168" spans="9:20" ht="22.5" customHeight="1" x14ac:dyDescent="0.4">
      <c r="I168" s="26"/>
      <c r="J168" s="26"/>
      <c r="S168" s="26"/>
      <c r="T168" s="26"/>
    </row>
    <row r="169" spans="9:20" ht="22.5" customHeight="1" x14ac:dyDescent="0.4">
      <c r="I169" s="26"/>
      <c r="J169" s="26"/>
      <c r="S169" s="26"/>
      <c r="T169" s="26"/>
    </row>
    <row r="170" spans="9:20" ht="22.5" customHeight="1" x14ac:dyDescent="0.4">
      <c r="I170" s="26"/>
      <c r="J170" s="26"/>
      <c r="S170" s="26"/>
      <c r="T170" s="26"/>
    </row>
    <row r="171" spans="9:20" ht="22.5" customHeight="1" x14ac:dyDescent="0.4">
      <c r="I171" s="26"/>
      <c r="J171" s="26"/>
      <c r="S171" s="26"/>
      <c r="T171" s="26"/>
    </row>
    <row r="172" spans="9:20" ht="22.5" customHeight="1" x14ac:dyDescent="0.4">
      <c r="I172" s="26"/>
      <c r="J172" s="26"/>
      <c r="S172" s="26"/>
      <c r="T172" s="26"/>
    </row>
    <row r="173" spans="9:20" ht="22.5" customHeight="1" x14ac:dyDescent="0.4">
      <c r="I173" s="26"/>
      <c r="J173" s="26"/>
      <c r="S173" s="26"/>
      <c r="T173" s="26"/>
    </row>
    <row r="174" spans="9:20" ht="22.5" customHeight="1" x14ac:dyDescent="0.4">
      <c r="I174" s="26"/>
      <c r="J174" s="26"/>
      <c r="S174" s="26"/>
      <c r="T174" s="26"/>
    </row>
    <row r="175" spans="9:20" ht="22.5" customHeight="1" x14ac:dyDescent="0.4">
      <c r="I175" s="26"/>
      <c r="J175" s="26"/>
      <c r="S175" s="26"/>
      <c r="T175" s="26"/>
    </row>
    <row r="176" spans="9:20" ht="22.5" customHeight="1" x14ac:dyDescent="0.4">
      <c r="I176" s="26"/>
      <c r="J176" s="26"/>
      <c r="S176" s="26"/>
      <c r="T176" s="26"/>
    </row>
    <row r="177" spans="9:20" ht="22.5" customHeight="1" x14ac:dyDescent="0.4">
      <c r="I177" s="26"/>
      <c r="J177" s="26"/>
      <c r="S177" s="26"/>
      <c r="T177" s="26"/>
    </row>
    <row r="178" spans="9:20" ht="22.5" customHeight="1" x14ac:dyDescent="0.4">
      <c r="I178" s="26"/>
      <c r="J178" s="26"/>
      <c r="S178" s="26"/>
      <c r="T178" s="26"/>
    </row>
    <row r="179" spans="9:20" ht="22.5" customHeight="1" x14ac:dyDescent="0.4">
      <c r="I179" s="26"/>
      <c r="J179" s="26"/>
      <c r="S179" s="26"/>
      <c r="T179" s="26"/>
    </row>
    <row r="180" spans="9:20" ht="22.5" customHeight="1" x14ac:dyDescent="0.4">
      <c r="I180" s="26"/>
      <c r="J180" s="26"/>
      <c r="S180" s="26"/>
      <c r="T180" s="26"/>
    </row>
    <row r="181" spans="9:20" ht="22.5" customHeight="1" x14ac:dyDescent="0.4">
      <c r="I181" s="26"/>
      <c r="J181" s="26"/>
      <c r="S181" s="26"/>
      <c r="T181" s="26"/>
    </row>
    <row r="182" spans="9:20" ht="22.5" customHeight="1" x14ac:dyDescent="0.4">
      <c r="I182" s="26"/>
      <c r="J182" s="26"/>
      <c r="S182" s="26"/>
      <c r="T182" s="26"/>
    </row>
    <row r="183" spans="9:20" ht="22.5" customHeight="1" x14ac:dyDescent="0.4">
      <c r="I183" s="26"/>
      <c r="J183" s="26"/>
      <c r="S183" s="26"/>
      <c r="T183" s="26"/>
    </row>
    <row r="184" spans="9:20" ht="22.5" customHeight="1" x14ac:dyDescent="0.4">
      <c r="I184" s="26"/>
      <c r="J184" s="26"/>
      <c r="S184" s="26"/>
      <c r="T184" s="26"/>
    </row>
    <row r="185" spans="9:20" ht="22.5" customHeight="1" x14ac:dyDescent="0.4">
      <c r="I185" s="26"/>
      <c r="J185" s="26"/>
      <c r="S185" s="26"/>
      <c r="T185" s="26"/>
    </row>
    <row r="186" spans="9:20" ht="22.5" customHeight="1" x14ac:dyDescent="0.4">
      <c r="I186" s="26"/>
      <c r="J186" s="26"/>
      <c r="S186" s="26"/>
      <c r="T186" s="26"/>
    </row>
    <row r="187" spans="9:20" ht="22.5" customHeight="1" x14ac:dyDescent="0.4">
      <c r="I187" s="26"/>
      <c r="J187" s="26"/>
      <c r="S187" s="26"/>
      <c r="T187" s="26"/>
    </row>
    <row r="188" spans="9:20" ht="22.5" customHeight="1" x14ac:dyDescent="0.4">
      <c r="I188" s="26"/>
      <c r="J188" s="26"/>
      <c r="S188" s="26"/>
      <c r="T188" s="26"/>
    </row>
    <row r="189" spans="9:20" ht="22.5" customHeight="1" x14ac:dyDescent="0.4">
      <c r="I189" s="26"/>
      <c r="J189" s="26"/>
      <c r="S189" s="26"/>
      <c r="T189" s="26"/>
    </row>
    <row r="190" spans="9:20" ht="22.5" customHeight="1" x14ac:dyDescent="0.4">
      <c r="I190" s="26"/>
      <c r="J190" s="26"/>
      <c r="S190" s="26"/>
      <c r="T190" s="26"/>
    </row>
    <row r="191" spans="9:20" ht="22.5" customHeight="1" x14ac:dyDescent="0.4">
      <c r="I191" s="26"/>
      <c r="J191" s="26"/>
      <c r="S191" s="26"/>
      <c r="T191" s="26"/>
    </row>
    <row r="192" spans="9:20" ht="22.5" customHeight="1" x14ac:dyDescent="0.4">
      <c r="I192" s="26"/>
      <c r="J192" s="26"/>
      <c r="S192" s="26"/>
      <c r="T192" s="26"/>
    </row>
    <row r="193" spans="9:20" ht="22.5" customHeight="1" x14ac:dyDescent="0.4">
      <c r="I193" s="26"/>
      <c r="J193" s="26"/>
      <c r="S193" s="26"/>
      <c r="T193" s="26"/>
    </row>
    <row r="194" spans="9:20" ht="22.5" customHeight="1" x14ac:dyDescent="0.4">
      <c r="I194" s="26"/>
      <c r="J194" s="26"/>
      <c r="S194" s="26"/>
      <c r="T194" s="26"/>
    </row>
  </sheetData>
  <sheetProtection selectLockedCells="1" selectUnlockedCells="1"/>
  <mergeCells count="4">
    <mergeCell ref="L8:N8"/>
    <mergeCell ref="B9:D9"/>
    <mergeCell ref="B6:S6"/>
    <mergeCell ref="B7:S7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1" orientation="portrait" blackAndWhite="1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E1FC7AF-8E2E-473A-9A8F-24BC37D00731}">
  <sheetPr codeName="Sheet19"/>
  <dimension ref="B1:O37"/>
  <sheetViews>
    <sheetView showGridLines="0" tabSelected="1" view="pageBreakPreview" topLeftCell="A3" zoomScale="60" zoomScaleNormal="55" workbookViewId="0">
      <selection activeCell="B6" sqref="B6:R6"/>
    </sheetView>
  </sheetViews>
  <sheetFormatPr defaultColWidth="8.875" defaultRowHeight="18.75" x14ac:dyDescent="0.4"/>
  <cols>
    <col min="1" max="1" width="2.625" style="68" customWidth="1"/>
    <col min="2" max="6" width="2.125" style="68" customWidth="1"/>
    <col min="7" max="7" width="2.625" style="68" customWidth="1"/>
    <col min="8" max="8" width="23.125" style="68" customWidth="1"/>
    <col min="9" max="12" width="28.125" style="68" customWidth="1"/>
    <col min="13" max="13" width="35.5" style="68" customWidth="1"/>
    <col min="14" max="14" width="26.25" style="68" customWidth="1"/>
    <col min="15" max="15" width="28.125" style="68" customWidth="1"/>
    <col min="16" max="16" width="2.625" style="68" customWidth="1"/>
    <col min="17" max="16384" width="8.875" style="68"/>
  </cols>
  <sheetData>
    <row r="1" spans="2:15" s="67" customFormat="1" ht="22.5" customHeight="1" x14ac:dyDescent="0.4">
      <c r="B1" s="2" t="s">
        <v>66</v>
      </c>
    </row>
    <row r="2" spans="2:15" s="67" customFormat="1" ht="22.5" customHeight="1" x14ac:dyDescent="0.4">
      <c r="B2" s="2" t="s">
        <v>67</v>
      </c>
    </row>
    <row r="3" spans="2:15" s="67" customFormat="1" ht="22.5" customHeight="1" x14ac:dyDescent="0.4">
      <c r="B3" s="2" t="s">
        <v>68</v>
      </c>
    </row>
    <row r="5" spans="2:15" x14ac:dyDescent="0.4">
      <c r="B5" s="146" t="s">
        <v>13</v>
      </c>
      <c r="C5" s="147"/>
      <c r="D5" s="147"/>
      <c r="E5" s="147"/>
      <c r="F5" s="147"/>
      <c r="G5" s="147"/>
      <c r="H5" s="147"/>
      <c r="I5" s="147"/>
      <c r="J5" s="147"/>
      <c r="K5" s="147"/>
      <c r="L5" s="147"/>
      <c r="M5" s="147"/>
      <c r="N5" s="147"/>
      <c r="O5" s="147"/>
    </row>
    <row r="6" spans="2:15" ht="23.25" customHeight="1" x14ac:dyDescent="0.4">
      <c r="B6" s="147"/>
      <c r="C6" s="147"/>
      <c r="D6" s="147"/>
      <c r="E6" s="147"/>
      <c r="F6" s="147"/>
      <c r="G6" s="147"/>
      <c r="H6" s="147"/>
      <c r="I6" s="147"/>
      <c r="J6" s="147"/>
      <c r="K6" s="147"/>
      <c r="L6" s="147"/>
      <c r="M6" s="147"/>
      <c r="N6" s="147"/>
      <c r="O6" s="147"/>
    </row>
    <row r="7" spans="2:15" x14ac:dyDescent="0.4">
      <c r="O7" s="69" t="s">
        <v>2</v>
      </c>
    </row>
    <row r="8" spans="2:15" ht="21.95" customHeight="1" x14ac:dyDescent="0.4">
      <c r="B8" s="148" t="s">
        <v>14</v>
      </c>
      <c r="C8" s="149"/>
      <c r="D8" s="149"/>
      <c r="E8" s="149"/>
      <c r="F8" s="149"/>
      <c r="G8" s="149"/>
      <c r="H8" s="150"/>
      <c r="I8" s="70" t="s">
        <v>15</v>
      </c>
      <c r="J8" s="71" t="s">
        <v>16</v>
      </c>
      <c r="K8" s="71" t="s">
        <v>17</v>
      </c>
      <c r="L8" s="71" t="s">
        <v>18</v>
      </c>
      <c r="M8" s="71" t="s">
        <v>19</v>
      </c>
      <c r="N8" s="71" t="s">
        <v>20</v>
      </c>
      <c r="O8" s="71" t="s">
        <v>21</v>
      </c>
    </row>
    <row r="9" spans="2:15" ht="21.95" customHeight="1" x14ac:dyDescent="0.4">
      <c r="B9" s="151"/>
      <c r="C9" s="152"/>
      <c r="D9" s="152"/>
      <c r="E9" s="152"/>
      <c r="F9" s="152"/>
      <c r="G9" s="152"/>
      <c r="H9" s="153"/>
      <c r="I9" s="72" t="s">
        <v>22</v>
      </c>
      <c r="J9" s="72" t="s">
        <v>23</v>
      </c>
      <c r="K9" s="72" t="s">
        <v>24</v>
      </c>
      <c r="L9" s="72" t="s">
        <v>25</v>
      </c>
      <c r="M9" s="72" t="s">
        <v>26</v>
      </c>
      <c r="N9" s="72" t="s">
        <v>27</v>
      </c>
      <c r="O9" s="72" t="s">
        <v>28</v>
      </c>
    </row>
    <row r="10" spans="2:15" ht="21.95" customHeight="1" x14ac:dyDescent="0.4">
      <c r="B10" s="73" t="s">
        <v>29</v>
      </c>
      <c r="C10" s="74"/>
      <c r="D10" s="74"/>
      <c r="E10" s="74"/>
      <c r="F10" s="74"/>
      <c r="G10" s="74"/>
      <c r="H10" s="75"/>
      <c r="I10" s="76">
        <v>18065009158</v>
      </c>
      <c r="J10" s="76">
        <v>2667057</v>
      </c>
      <c r="K10" s="76">
        <v>1532748</v>
      </c>
      <c r="L10" s="76">
        <v>18066143467</v>
      </c>
      <c r="M10" s="76">
        <v>4960390387</v>
      </c>
      <c r="N10" s="76">
        <v>196798660</v>
      </c>
      <c r="O10" s="76">
        <v>13105753080</v>
      </c>
    </row>
    <row r="11" spans="2:15" ht="21.95" customHeight="1" x14ac:dyDescent="0.4">
      <c r="B11" s="73"/>
      <c r="C11" s="74" t="s">
        <v>30</v>
      </c>
      <c r="D11" s="74"/>
      <c r="E11" s="74"/>
      <c r="F11" s="74"/>
      <c r="G11" s="74"/>
      <c r="H11" s="75"/>
      <c r="I11" s="76">
        <v>18065009158</v>
      </c>
      <c r="J11" s="76">
        <v>2667057</v>
      </c>
      <c r="K11" s="76">
        <v>1532748</v>
      </c>
      <c r="L11" s="76">
        <v>18066143467</v>
      </c>
      <c r="M11" s="76">
        <v>4960390387</v>
      </c>
      <c r="N11" s="76">
        <v>196798660</v>
      </c>
      <c r="O11" s="76">
        <v>13105753080</v>
      </c>
    </row>
    <row r="12" spans="2:15" ht="21.95" customHeight="1" x14ac:dyDescent="0.4">
      <c r="B12" s="73"/>
      <c r="C12" s="74"/>
      <c r="D12" s="74" t="s">
        <v>31</v>
      </c>
      <c r="E12" s="74"/>
      <c r="F12" s="74"/>
      <c r="G12" s="74"/>
      <c r="H12" s="75"/>
      <c r="I12" s="76">
        <v>8732688899</v>
      </c>
      <c r="J12" s="76">
        <v>2667057</v>
      </c>
      <c r="K12" s="76">
        <v>1532748</v>
      </c>
      <c r="L12" s="76">
        <v>8733823208</v>
      </c>
      <c r="M12" s="76">
        <v>0</v>
      </c>
      <c r="N12" s="76">
        <v>0</v>
      </c>
      <c r="O12" s="76">
        <v>8733823208</v>
      </c>
    </row>
    <row r="13" spans="2:15" ht="21.95" customHeight="1" x14ac:dyDescent="0.4">
      <c r="B13" s="73"/>
      <c r="C13" s="74"/>
      <c r="D13" s="74" t="s">
        <v>32</v>
      </c>
      <c r="E13" s="74"/>
      <c r="F13" s="74"/>
      <c r="G13" s="74"/>
      <c r="H13" s="75"/>
      <c r="I13" s="76">
        <v>9261228892</v>
      </c>
      <c r="J13" s="76">
        <v>0</v>
      </c>
      <c r="K13" s="76">
        <v>0</v>
      </c>
      <c r="L13" s="76">
        <v>9261228892</v>
      </c>
      <c r="M13" s="76">
        <v>4931475592</v>
      </c>
      <c r="N13" s="76">
        <v>193465408</v>
      </c>
      <c r="O13" s="76">
        <v>4329753300</v>
      </c>
    </row>
    <row r="14" spans="2:15" ht="21.95" customHeight="1" x14ac:dyDescent="0.4">
      <c r="B14" s="73"/>
      <c r="C14" s="74"/>
      <c r="D14" s="74" t="s">
        <v>33</v>
      </c>
      <c r="E14" s="74"/>
      <c r="F14" s="74"/>
      <c r="G14" s="74"/>
      <c r="H14" s="75"/>
      <c r="I14" s="76">
        <v>71091367</v>
      </c>
      <c r="J14" s="76">
        <v>0</v>
      </c>
      <c r="K14" s="76">
        <v>0</v>
      </c>
      <c r="L14" s="76">
        <v>71091367</v>
      </c>
      <c r="M14" s="76">
        <v>28914795</v>
      </c>
      <c r="N14" s="76">
        <v>3333252</v>
      </c>
      <c r="O14" s="76">
        <v>42176572</v>
      </c>
    </row>
    <row r="15" spans="2:15" ht="21.95" customHeight="1" x14ac:dyDescent="0.4">
      <c r="B15" s="73"/>
      <c r="C15" s="74"/>
      <c r="D15" s="74" t="s">
        <v>34</v>
      </c>
      <c r="E15" s="74"/>
      <c r="F15" s="74"/>
      <c r="G15" s="74"/>
      <c r="H15" s="75"/>
      <c r="I15" s="76">
        <v>0</v>
      </c>
      <c r="J15" s="76">
        <v>0</v>
      </c>
      <c r="K15" s="76">
        <v>0</v>
      </c>
      <c r="L15" s="76">
        <v>0</v>
      </c>
      <c r="M15" s="76">
        <v>0</v>
      </c>
      <c r="N15" s="76">
        <v>0</v>
      </c>
      <c r="O15" s="76">
        <v>0</v>
      </c>
    </row>
    <row r="16" spans="2:15" ht="21.95" customHeight="1" x14ac:dyDescent="0.4">
      <c r="B16" s="73"/>
      <c r="C16" s="74"/>
      <c r="D16" s="74" t="s">
        <v>35</v>
      </c>
      <c r="E16" s="74"/>
      <c r="F16" s="74"/>
      <c r="G16" s="74"/>
      <c r="H16" s="75"/>
      <c r="I16" s="76">
        <v>0</v>
      </c>
      <c r="J16" s="76">
        <v>0</v>
      </c>
      <c r="K16" s="76">
        <v>0</v>
      </c>
      <c r="L16" s="76">
        <v>0</v>
      </c>
      <c r="M16" s="76">
        <v>0</v>
      </c>
      <c r="N16" s="76">
        <v>0</v>
      </c>
      <c r="O16" s="76">
        <v>0</v>
      </c>
    </row>
    <row r="17" spans="2:15" ht="21.95" customHeight="1" x14ac:dyDescent="0.4">
      <c r="B17" s="73"/>
      <c r="C17" s="74"/>
      <c r="D17" s="74" t="s">
        <v>36</v>
      </c>
      <c r="E17" s="74"/>
      <c r="F17" s="74"/>
      <c r="G17" s="74"/>
      <c r="H17" s="75"/>
      <c r="I17" s="76">
        <v>0</v>
      </c>
      <c r="J17" s="76">
        <v>0</v>
      </c>
      <c r="K17" s="76">
        <v>0</v>
      </c>
      <c r="L17" s="76">
        <v>0</v>
      </c>
      <c r="M17" s="76">
        <v>0</v>
      </c>
      <c r="N17" s="76">
        <v>0</v>
      </c>
      <c r="O17" s="76">
        <v>0</v>
      </c>
    </row>
    <row r="18" spans="2:15" ht="21.95" customHeight="1" x14ac:dyDescent="0.4">
      <c r="B18" s="73"/>
      <c r="C18" s="74"/>
      <c r="D18" s="74" t="s">
        <v>37</v>
      </c>
      <c r="E18" s="74"/>
      <c r="F18" s="74"/>
      <c r="G18" s="74"/>
      <c r="H18" s="75"/>
      <c r="I18" s="76">
        <v>0</v>
      </c>
      <c r="J18" s="76">
        <v>0</v>
      </c>
      <c r="K18" s="76">
        <v>0</v>
      </c>
      <c r="L18" s="76">
        <v>0</v>
      </c>
      <c r="M18" s="76">
        <v>0</v>
      </c>
      <c r="N18" s="76">
        <v>0</v>
      </c>
      <c r="O18" s="76">
        <v>0</v>
      </c>
    </row>
    <row r="19" spans="2:15" ht="21.95" customHeight="1" x14ac:dyDescent="0.4">
      <c r="B19" s="73"/>
      <c r="C19" s="74" t="s">
        <v>38</v>
      </c>
      <c r="D19" s="74"/>
      <c r="E19" s="74"/>
      <c r="F19" s="74"/>
      <c r="G19" s="74"/>
      <c r="H19" s="75"/>
      <c r="I19" s="76">
        <v>0</v>
      </c>
      <c r="J19" s="76">
        <v>0</v>
      </c>
      <c r="K19" s="76">
        <v>0</v>
      </c>
      <c r="L19" s="76">
        <v>0</v>
      </c>
      <c r="M19" s="76">
        <v>0</v>
      </c>
      <c r="N19" s="76">
        <v>0</v>
      </c>
      <c r="O19" s="76">
        <v>0</v>
      </c>
    </row>
    <row r="20" spans="2:15" ht="21.95" customHeight="1" x14ac:dyDescent="0.4">
      <c r="B20" s="73"/>
      <c r="C20" s="74"/>
      <c r="D20" s="74" t="s">
        <v>39</v>
      </c>
      <c r="E20" s="74"/>
      <c r="F20" s="74"/>
      <c r="G20" s="74"/>
      <c r="H20" s="75"/>
      <c r="I20" s="76">
        <v>0</v>
      </c>
      <c r="J20" s="76">
        <v>0</v>
      </c>
      <c r="K20" s="76">
        <v>0</v>
      </c>
      <c r="L20" s="76">
        <v>0</v>
      </c>
      <c r="M20" s="76">
        <v>0</v>
      </c>
      <c r="N20" s="76">
        <v>0</v>
      </c>
      <c r="O20" s="76">
        <v>0</v>
      </c>
    </row>
    <row r="21" spans="2:15" ht="21.95" customHeight="1" x14ac:dyDescent="0.4">
      <c r="B21" s="73"/>
      <c r="C21" s="74"/>
      <c r="D21" s="74" t="s">
        <v>40</v>
      </c>
      <c r="E21" s="74"/>
      <c r="F21" s="74"/>
      <c r="G21" s="74"/>
      <c r="H21" s="75"/>
      <c r="I21" s="76">
        <v>0</v>
      </c>
      <c r="J21" s="76">
        <v>0</v>
      </c>
      <c r="K21" s="76">
        <v>0</v>
      </c>
      <c r="L21" s="76">
        <v>0</v>
      </c>
      <c r="M21" s="76">
        <v>0</v>
      </c>
      <c r="N21" s="76">
        <v>0</v>
      </c>
      <c r="O21" s="76">
        <v>0</v>
      </c>
    </row>
    <row r="22" spans="2:15" ht="21.95" customHeight="1" x14ac:dyDescent="0.4">
      <c r="B22" s="73" t="s">
        <v>41</v>
      </c>
      <c r="C22" s="74"/>
      <c r="D22" s="74"/>
      <c r="E22" s="74"/>
      <c r="F22" s="74"/>
      <c r="G22" s="74"/>
      <c r="H22" s="75"/>
      <c r="I22" s="76">
        <v>0</v>
      </c>
      <c r="J22" s="76">
        <v>0</v>
      </c>
      <c r="K22" s="76">
        <v>0</v>
      </c>
      <c r="L22" s="76">
        <v>0</v>
      </c>
      <c r="M22" s="76">
        <v>0</v>
      </c>
      <c r="N22" s="76">
        <v>0</v>
      </c>
      <c r="O22" s="76">
        <v>0</v>
      </c>
    </row>
    <row r="23" spans="2:15" ht="21.95" customHeight="1" x14ac:dyDescent="0.4">
      <c r="B23" s="73"/>
      <c r="C23" s="74" t="s">
        <v>42</v>
      </c>
      <c r="D23" s="74"/>
      <c r="E23" s="74"/>
      <c r="F23" s="74"/>
      <c r="G23" s="74"/>
      <c r="H23" s="75"/>
      <c r="I23" s="76">
        <v>0</v>
      </c>
      <c r="J23" s="76">
        <v>0</v>
      </c>
      <c r="K23" s="76">
        <v>0</v>
      </c>
      <c r="L23" s="76">
        <v>0</v>
      </c>
      <c r="M23" s="76">
        <v>0</v>
      </c>
      <c r="N23" s="76">
        <v>0</v>
      </c>
      <c r="O23" s="76">
        <v>0</v>
      </c>
    </row>
    <row r="24" spans="2:15" ht="21.95" customHeight="1" x14ac:dyDescent="0.4">
      <c r="B24" s="73"/>
      <c r="C24" s="74"/>
      <c r="D24" s="74" t="s">
        <v>31</v>
      </c>
      <c r="E24" s="74"/>
      <c r="F24" s="74"/>
      <c r="G24" s="74"/>
      <c r="H24" s="75"/>
      <c r="I24" s="76">
        <v>0</v>
      </c>
      <c r="J24" s="76">
        <v>0</v>
      </c>
      <c r="K24" s="76">
        <v>0</v>
      </c>
      <c r="L24" s="76">
        <v>0</v>
      </c>
      <c r="M24" s="76">
        <v>0</v>
      </c>
      <c r="N24" s="76">
        <v>0</v>
      </c>
      <c r="O24" s="76">
        <v>0</v>
      </c>
    </row>
    <row r="25" spans="2:15" ht="21.95" customHeight="1" x14ac:dyDescent="0.4">
      <c r="B25" s="73"/>
      <c r="C25" s="74"/>
      <c r="D25" s="74" t="s">
        <v>32</v>
      </c>
      <c r="E25" s="74"/>
      <c r="F25" s="74"/>
      <c r="G25" s="74"/>
      <c r="H25" s="75"/>
      <c r="I25" s="76">
        <v>0</v>
      </c>
      <c r="J25" s="76">
        <v>0</v>
      </c>
      <c r="K25" s="76">
        <v>0</v>
      </c>
      <c r="L25" s="76">
        <v>0</v>
      </c>
      <c r="M25" s="76">
        <v>0</v>
      </c>
      <c r="N25" s="76">
        <v>0</v>
      </c>
      <c r="O25" s="76">
        <v>0</v>
      </c>
    </row>
    <row r="26" spans="2:15" ht="21.95" customHeight="1" x14ac:dyDescent="0.4">
      <c r="B26" s="73"/>
      <c r="C26" s="74"/>
      <c r="D26" s="74" t="s">
        <v>33</v>
      </c>
      <c r="E26" s="74"/>
      <c r="F26" s="74"/>
      <c r="G26" s="74"/>
      <c r="H26" s="75"/>
      <c r="I26" s="76">
        <v>0</v>
      </c>
      <c r="J26" s="76">
        <v>0</v>
      </c>
      <c r="K26" s="76">
        <v>0</v>
      </c>
      <c r="L26" s="76">
        <v>0</v>
      </c>
      <c r="M26" s="76">
        <v>0</v>
      </c>
      <c r="N26" s="76">
        <v>0</v>
      </c>
      <c r="O26" s="76">
        <v>0</v>
      </c>
    </row>
    <row r="27" spans="2:15" ht="21.95" customHeight="1" x14ac:dyDescent="0.4">
      <c r="B27" s="73"/>
      <c r="C27" s="74" t="s">
        <v>43</v>
      </c>
      <c r="D27" s="74"/>
      <c r="E27" s="74"/>
      <c r="F27" s="74"/>
      <c r="G27" s="74"/>
      <c r="H27" s="75"/>
      <c r="I27" s="76">
        <v>0</v>
      </c>
      <c r="J27" s="76">
        <v>0</v>
      </c>
      <c r="K27" s="76">
        <v>0</v>
      </c>
      <c r="L27" s="76">
        <v>0</v>
      </c>
      <c r="M27" s="76">
        <v>0</v>
      </c>
      <c r="N27" s="76">
        <v>0</v>
      </c>
      <c r="O27" s="76">
        <v>0</v>
      </c>
    </row>
    <row r="28" spans="2:15" ht="21.95" customHeight="1" x14ac:dyDescent="0.4">
      <c r="B28" s="73"/>
      <c r="C28" s="74"/>
      <c r="D28" s="74" t="s">
        <v>39</v>
      </c>
      <c r="E28" s="74"/>
      <c r="F28" s="74"/>
      <c r="G28" s="74"/>
      <c r="H28" s="75"/>
      <c r="I28" s="76">
        <v>0</v>
      </c>
      <c r="J28" s="76">
        <v>0</v>
      </c>
      <c r="K28" s="76">
        <v>0</v>
      </c>
      <c r="L28" s="76">
        <v>0</v>
      </c>
      <c r="M28" s="76">
        <v>0</v>
      </c>
      <c r="N28" s="76">
        <v>0</v>
      </c>
      <c r="O28" s="76">
        <v>0</v>
      </c>
    </row>
    <row r="29" spans="2:15" ht="21.95" customHeight="1" x14ac:dyDescent="0.4">
      <c r="B29" s="73"/>
      <c r="C29" s="74"/>
      <c r="D29" s="74" t="s">
        <v>40</v>
      </c>
      <c r="E29" s="74"/>
      <c r="F29" s="74"/>
      <c r="G29" s="74"/>
      <c r="H29" s="75"/>
      <c r="I29" s="76">
        <v>0</v>
      </c>
      <c r="J29" s="76">
        <v>0</v>
      </c>
      <c r="K29" s="76">
        <v>0</v>
      </c>
      <c r="L29" s="76">
        <v>0</v>
      </c>
      <c r="M29" s="76">
        <v>0</v>
      </c>
      <c r="N29" s="76">
        <v>0</v>
      </c>
      <c r="O29" s="76">
        <v>0</v>
      </c>
    </row>
    <row r="30" spans="2:15" ht="21.95" customHeight="1" x14ac:dyDescent="0.4">
      <c r="B30" s="73" t="s">
        <v>44</v>
      </c>
      <c r="C30" s="74"/>
      <c r="D30" s="74"/>
      <c r="E30" s="74"/>
      <c r="F30" s="74"/>
      <c r="G30" s="74"/>
      <c r="H30" s="75"/>
      <c r="I30" s="76">
        <v>40945991</v>
      </c>
      <c r="J30" s="76">
        <v>5130400</v>
      </c>
      <c r="K30" s="76">
        <v>5130400</v>
      </c>
      <c r="L30" s="76">
        <v>40945991</v>
      </c>
      <c r="M30" s="76">
        <v>39901348</v>
      </c>
      <c r="N30" s="76">
        <v>2092611</v>
      </c>
      <c r="O30" s="76">
        <v>1044643</v>
      </c>
    </row>
    <row r="31" spans="2:15" ht="21.95" customHeight="1" x14ac:dyDescent="0.4">
      <c r="B31" s="73" t="s">
        <v>45</v>
      </c>
      <c r="C31" s="74"/>
      <c r="D31" s="74"/>
      <c r="E31" s="74"/>
      <c r="F31" s="74"/>
      <c r="G31" s="74"/>
      <c r="H31" s="75"/>
      <c r="I31" s="76">
        <v>11907216</v>
      </c>
      <c r="J31" s="76">
        <v>0</v>
      </c>
      <c r="K31" s="76">
        <v>0</v>
      </c>
      <c r="L31" s="76">
        <v>11907216</v>
      </c>
      <c r="M31" s="76">
        <v>10600330</v>
      </c>
      <c r="N31" s="76">
        <v>1742520</v>
      </c>
      <c r="O31" s="76">
        <v>1306886</v>
      </c>
    </row>
    <row r="32" spans="2:15" ht="21.95" customHeight="1" x14ac:dyDescent="0.4">
      <c r="B32" s="73" t="s">
        <v>46</v>
      </c>
      <c r="C32" s="74"/>
      <c r="D32" s="74"/>
      <c r="E32" s="74"/>
      <c r="F32" s="74"/>
      <c r="G32" s="74"/>
      <c r="H32" s="75"/>
      <c r="I32" s="76">
        <v>188606291</v>
      </c>
      <c r="J32" s="76">
        <v>0</v>
      </c>
      <c r="K32" s="76">
        <v>0</v>
      </c>
      <c r="L32" s="76">
        <v>188606291</v>
      </c>
      <c r="M32" s="76">
        <v>188606291</v>
      </c>
      <c r="N32" s="76">
        <v>0</v>
      </c>
      <c r="O32" s="76">
        <v>0</v>
      </c>
    </row>
    <row r="33" spans="2:15" ht="21.95" customHeight="1" x14ac:dyDescent="0.4">
      <c r="B33" s="73" t="s">
        <v>47</v>
      </c>
      <c r="C33" s="74"/>
      <c r="D33" s="74"/>
      <c r="E33" s="74"/>
      <c r="F33" s="74"/>
      <c r="G33" s="74"/>
      <c r="H33" s="75"/>
      <c r="I33" s="76">
        <v>178013428</v>
      </c>
      <c r="J33" s="76">
        <v>65560443</v>
      </c>
      <c r="K33" s="76">
        <v>5130400</v>
      </c>
      <c r="L33" s="76">
        <v>238443471</v>
      </c>
      <c r="M33" s="76">
        <v>0</v>
      </c>
      <c r="N33" s="76">
        <v>0</v>
      </c>
      <c r="O33" s="76">
        <v>238443471</v>
      </c>
    </row>
    <row r="34" spans="2:15" ht="21.95" customHeight="1" x14ac:dyDescent="0.4">
      <c r="B34" s="73" t="s">
        <v>48</v>
      </c>
      <c r="C34" s="74"/>
      <c r="D34" s="74"/>
      <c r="E34" s="74"/>
      <c r="F34" s="74"/>
      <c r="G34" s="74"/>
      <c r="H34" s="75"/>
      <c r="I34" s="76">
        <v>0</v>
      </c>
      <c r="J34" s="76">
        <v>0</v>
      </c>
      <c r="K34" s="76">
        <v>0</v>
      </c>
      <c r="L34" s="76">
        <v>0</v>
      </c>
      <c r="M34" s="76">
        <v>0</v>
      </c>
      <c r="N34" s="76">
        <v>0</v>
      </c>
      <c r="O34" s="76">
        <v>0</v>
      </c>
    </row>
    <row r="35" spans="2:15" ht="21.95" customHeight="1" x14ac:dyDescent="0.4">
      <c r="B35" s="154" t="s">
        <v>49</v>
      </c>
      <c r="C35" s="155"/>
      <c r="D35" s="155"/>
      <c r="E35" s="155"/>
      <c r="F35" s="155"/>
      <c r="G35" s="155"/>
      <c r="H35" s="156"/>
      <c r="I35" s="76">
        <v>18484482084</v>
      </c>
      <c r="J35" s="76">
        <v>73357900</v>
      </c>
      <c r="K35" s="76">
        <v>11793548</v>
      </c>
      <c r="L35" s="76">
        <v>18546046436</v>
      </c>
      <c r="M35" s="76">
        <v>5199498356</v>
      </c>
      <c r="N35" s="76">
        <v>200633791</v>
      </c>
      <c r="O35" s="76">
        <v>13346548080</v>
      </c>
    </row>
    <row r="36" spans="2:15" ht="12" customHeight="1" x14ac:dyDescent="0.4"/>
    <row r="37" spans="2:15" ht="21.95" customHeight="1" x14ac:dyDescent="0.4">
      <c r="B37" s="157"/>
      <c r="C37" s="157"/>
      <c r="D37" s="157"/>
      <c r="E37" s="157"/>
      <c r="F37" s="157"/>
      <c r="G37" s="157"/>
      <c r="H37" s="157"/>
      <c r="I37" s="157"/>
      <c r="J37" s="157"/>
      <c r="K37" s="157"/>
      <c r="L37" s="157"/>
      <c r="M37" s="157"/>
      <c r="N37" s="157"/>
      <c r="O37" s="157"/>
    </row>
  </sheetData>
  <mergeCells count="4">
    <mergeCell ref="B5:O6"/>
    <mergeCell ref="B8:H9"/>
    <mergeCell ref="B35:H35"/>
    <mergeCell ref="B37:O37"/>
  </mergeCells>
  <phoneticPr fontId="1"/>
  <printOptions horizontalCentered="1"/>
  <pageMargins left="0.27559055118110237" right="0.15748031496062992" top="0.55118110236220474" bottom="0.43307086614173229" header="0.70866141732283472" footer="0.31496062992125984"/>
  <pageSetup paperSize="9" scale="53" orientation="landscape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346FA86-5CEA-46CB-B90B-F6E4BB7FDF48}">
  <sheetPr codeName="Sheet23"/>
  <dimension ref="B1:N19"/>
  <sheetViews>
    <sheetView showGridLines="0" tabSelected="1" view="pageBreakPreview" zoomScale="55" zoomScaleNormal="55" zoomScaleSheetLayoutView="55" workbookViewId="0">
      <selection activeCell="B6" sqref="B6:R6"/>
    </sheetView>
  </sheetViews>
  <sheetFormatPr defaultColWidth="8.875" defaultRowHeight="18.75" x14ac:dyDescent="0.4"/>
  <cols>
    <col min="1" max="1" width="2.625" style="67" customWidth="1"/>
    <col min="2" max="3" width="3.5" style="67" customWidth="1"/>
    <col min="4" max="4" width="6.5" style="67" customWidth="1"/>
    <col min="5" max="7" width="3.5" style="67" customWidth="1"/>
    <col min="8" max="8" width="21.75" style="67" customWidth="1"/>
    <col min="9" max="14" width="31.125" style="67" customWidth="1"/>
    <col min="15" max="15" width="2.625" style="67" customWidth="1"/>
    <col min="16" max="16384" width="8.875" style="67"/>
  </cols>
  <sheetData>
    <row r="1" spans="2:14" ht="22.5" customHeight="1" x14ac:dyDescent="0.4">
      <c r="B1" s="2" t="s">
        <v>66</v>
      </c>
    </row>
    <row r="2" spans="2:14" ht="22.5" customHeight="1" x14ac:dyDescent="0.4">
      <c r="B2" s="2" t="s">
        <v>67</v>
      </c>
    </row>
    <row r="3" spans="2:14" ht="22.5" customHeight="1" x14ac:dyDescent="0.4">
      <c r="B3" s="2" t="s">
        <v>68</v>
      </c>
    </row>
    <row r="5" spans="2:14" x14ac:dyDescent="0.4">
      <c r="B5" s="160" t="s">
        <v>50</v>
      </c>
      <c r="C5" s="161"/>
      <c r="D5" s="161"/>
      <c r="E5" s="161"/>
      <c r="F5" s="161"/>
      <c r="G5" s="161"/>
      <c r="H5" s="161"/>
      <c r="I5" s="161"/>
      <c r="J5" s="161"/>
      <c r="K5" s="161"/>
      <c r="L5" s="161"/>
      <c r="M5" s="161"/>
      <c r="N5" s="161"/>
    </row>
    <row r="6" spans="2:14" x14ac:dyDescent="0.4">
      <c r="B6" s="161"/>
      <c r="C6" s="161"/>
      <c r="D6" s="161"/>
      <c r="E6" s="161"/>
      <c r="F6" s="161"/>
      <c r="G6" s="161"/>
      <c r="H6" s="161"/>
      <c r="I6" s="161"/>
      <c r="J6" s="161"/>
      <c r="K6" s="161"/>
      <c r="L6" s="161"/>
      <c r="M6" s="161"/>
      <c r="N6" s="161"/>
    </row>
    <row r="7" spans="2:14" x14ac:dyDescent="0.4">
      <c r="B7" s="162"/>
      <c r="C7" s="162"/>
      <c r="D7" s="162"/>
      <c r="F7" s="77"/>
      <c r="N7" s="78" t="s">
        <v>2</v>
      </c>
    </row>
    <row r="8" spans="2:14" ht="20.100000000000001" customHeight="1" x14ac:dyDescent="0.4">
      <c r="B8" s="163" t="s">
        <v>5</v>
      </c>
      <c r="C8" s="164"/>
      <c r="D8" s="164"/>
      <c r="E8" s="164"/>
      <c r="F8" s="164"/>
      <c r="G8" s="164"/>
      <c r="H8" s="165"/>
      <c r="I8" s="169" t="s">
        <v>15</v>
      </c>
      <c r="J8" s="169" t="s">
        <v>16</v>
      </c>
      <c r="K8" s="171" t="s">
        <v>17</v>
      </c>
      <c r="L8" s="172"/>
      <c r="M8" s="173"/>
      <c r="N8" s="174" t="s">
        <v>51</v>
      </c>
    </row>
    <row r="9" spans="2:14" ht="20.100000000000001" customHeight="1" x14ac:dyDescent="0.4">
      <c r="B9" s="166"/>
      <c r="C9" s="167"/>
      <c r="D9" s="167"/>
      <c r="E9" s="167"/>
      <c r="F9" s="167"/>
      <c r="G9" s="167"/>
      <c r="H9" s="168"/>
      <c r="I9" s="170"/>
      <c r="J9" s="170"/>
      <c r="K9" s="79" t="s">
        <v>52</v>
      </c>
      <c r="L9" s="79" t="s">
        <v>53</v>
      </c>
      <c r="M9" s="79" t="s">
        <v>54</v>
      </c>
      <c r="N9" s="175"/>
    </row>
    <row r="10" spans="2:14" ht="31.7" customHeight="1" x14ac:dyDescent="0.4">
      <c r="B10" s="158" t="s">
        <v>55</v>
      </c>
      <c r="C10" s="158"/>
      <c r="D10" s="158"/>
      <c r="E10" s="158"/>
      <c r="F10" s="158"/>
      <c r="G10" s="158"/>
      <c r="H10" s="158"/>
      <c r="I10" s="80">
        <v>0</v>
      </c>
      <c r="J10" s="80">
        <v>0</v>
      </c>
      <c r="K10" s="80">
        <v>0</v>
      </c>
      <c r="L10" s="80">
        <f>M10-K10</f>
        <v>0</v>
      </c>
      <c r="M10" s="80">
        <v>0</v>
      </c>
      <c r="N10" s="80">
        <v>0</v>
      </c>
    </row>
    <row r="11" spans="2:14" ht="31.7" customHeight="1" x14ac:dyDescent="0.4">
      <c r="B11" s="158" t="s">
        <v>56</v>
      </c>
      <c r="C11" s="158"/>
      <c r="D11" s="158"/>
      <c r="E11" s="158"/>
      <c r="F11" s="158"/>
      <c r="G11" s="158"/>
      <c r="H11" s="158"/>
      <c r="I11" s="80">
        <v>0</v>
      </c>
      <c r="J11" s="80">
        <v>0</v>
      </c>
      <c r="K11" s="80">
        <v>0</v>
      </c>
      <c r="L11" s="80">
        <f t="shared" ref="L11:L18" si="0">M11-K11</f>
        <v>0</v>
      </c>
      <c r="M11" s="80">
        <v>0</v>
      </c>
      <c r="N11" s="80">
        <v>0</v>
      </c>
    </row>
    <row r="12" spans="2:14" ht="31.7" customHeight="1" x14ac:dyDescent="0.4">
      <c r="B12" s="158" t="s">
        <v>57</v>
      </c>
      <c r="C12" s="158"/>
      <c r="D12" s="158"/>
      <c r="E12" s="158"/>
      <c r="F12" s="158"/>
      <c r="G12" s="158"/>
      <c r="H12" s="158"/>
      <c r="I12" s="80">
        <v>0</v>
      </c>
      <c r="J12" s="80">
        <v>0</v>
      </c>
      <c r="K12" s="80">
        <v>0</v>
      </c>
      <c r="L12" s="80">
        <f t="shared" si="0"/>
        <v>0</v>
      </c>
      <c r="M12" s="80">
        <v>0</v>
      </c>
      <c r="N12" s="80">
        <v>0</v>
      </c>
    </row>
    <row r="13" spans="2:14" ht="31.7" customHeight="1" x14ac:dyDescent="0.4">
      <c r="B13" s="158" t="s">
        <v>58</v>
      </c>
      <c r="C13" s="158"/>
      <c r="D13" s="158"/>
      <c r="E13" s="158"/>
      <c r="F13" s="158"/>
      <c r="G13" s="158"/>
      <c r="H13" s="158"/>
      <c r="I13" s="80">
        <v>0</v>
      </c>
      <c r="J13" s="80">
        <v>0</v>
      </c>
      <c r="K13" s="80">
        <v>0</v>
      </c>
      <c r="L13" s="80">
        <f t="shared" si="0"/>
        <v>0</v>
      </c>
      <c r="M13" s="80">
        <v>0</v>
      </c>
      <c r="N13" s="80">
        <v>0</v>
      </c>
    </row>
    <row r="14" spans="2:14" ht="31.7" customHeight="1" x14ac:dyDescent="0.4">
      <c r="B14" s="158" t="s">
        <v>59</v>
      </c>
      <c r="C14" s="158"/>
      <c r="D14" s="158"/>
      <c r="E14" s="158"/>
      <c r="F14" s="158"/>
      <c r="G14" s="158"/>
      <c r="H14" s="158"/>
      <c r="I14" s="80">
        <v>0</v>
      </c>
      <c r="J14" s="80">
        <v>0</v>
      </c>
      <c r="K14" s="80">
        <v>0</v>
      </c>
      <c r="L14" s="80">
        <f t="shared" si="0"/>
        <v>0</v>
      </c>
      <c r="M14" s="80">
        <v>0</v>
      </c>
      <c r="N14" s="80">
        <v>0</v>
      </c>
    </row>
    <row r="15" spans="2:14" ht="31.7" customHeight="1" x14ac:dyDescent="0.4">
      <c r="B15" s="158" t="s">
        <v>60</v>
      </c>
      <c r="C15" s="158"/>
      <c r="D15" s="158"/>
      <c r="E15" s="158"/>
      <c r="F15" s="158"/>
      <c r="G15" s="158"/>
      <c r="H15" s="158"/>
      <c r="I15" s="80">
        <v>0</v>
      </c>
      <c r="J15" s="80">
        <v>0</v>
      </c>
      <c r="K15" s="80">
        <v>0</v>
      </c>
      <c r="L15" s="80">
        <f t="shared" si="0"/>
        <v>0</v>
      </c>
      <c r="M15" s="80">
        <v>0</v>
      </c>
      <c r="N15" s="80">
        <v>0</v>
      </c>
    </row>
    <row r="16" spans="2:14" ht="31.7" customHeight="1" x14ac:dyDescent="0.4">
      <c r="B16" s="158" t="s">
        <v>61</v>
      </c>
      <c r="C16" s="158"/>
      <c r="D16" s="158"/>
      <c r="E16" s="158"/>
      <c r="F16" s="158"/>
      <c r="G16" s="158"/>
      <c r="H16" s="158"/>
      <c r="I16" s="80">
        <v>77338758</v>
      </c>
      <c r="J16" s="80">
        <v>78834970</v>
      </c>
      <c r="K16" s="80">
        <v>71670022</v>
      </c>
      <c r="L16" s="80">
        <f t="shared" si="0"/>
        <v>5668736</v>
      </c>
      <c r="M16" s="80">
        <v>77338758</v>
      </c>
      <c r="N16" s="80">
        <v>78834970</v>
      </c>
    </row>
    <row r="17" spans="2:14" ht="31.7" customHeight="1" x14ac:dyDescent="0.4">
      <c r="B17" s="158" t="s">
        <v>62</v>
      </c>
      <c r="C17" s="158"/>
      <c r="D17" s="158"/>
      <c r="E17" s="158"/>
      <c r="F17" s="158"/>
      <c r="G17" s="158"/>
      <c r="H17" s="158"/>
      <c r="I17" s="80">
        <v>716569152</v>
      </c>
      <c r="J17" s="80">
        <v>38282564</v>
      </c>
      <c r="K17" s="80">
        <v>14928524</v>
      </c>
      <c r="L17" s="80">
        <f t="shared" si="0"/>
        <v>44327832</v>
      </c>
      <c r="M17" s="80">
        <v>59256356</v>
      </c>
      <c r="N17" s="80">
        <v>695595360</v>
      </c>
    </row>
    <row r="18" spans="2:14" ht="31.7" customHeight="1" x14ac:dyDescent="0.4">
      <c r="B18" s="158" t="s">
        <v>63</v>
      </c>
      <c r="C18" s="158"/>
      <c r="D18" s="158"/>
      <c r="E18" s="158"/>
      <c r="F18" s="158"/>
      <c r="G18" s="158"/>
      <c r="H18" s="158"/>
      <c r="I18" s="80">
        <v>0</v>
      </c>
      <c r="J18" s="80">
        <v>0</v>
      </c>
      <c r="K18" s="80">
        <v>0</v>
      </c>
      <c r="L18" s="80">
        <f t="shared" si="0"/>
        <v>0</v>
      </c>
      <c r="M18" s="80">
        <v>0</v>
      </c>
      <c r="N18" s="80">
        <v>0</v>
      </c>
    </row>
    <row r="19" spans="2:14" ht="31.7" customHeight="1" x14ac:dyDescent="0.4">
      <c r="B19" s="159" t="s">
        <v>64</v>
      </c>
      <c r="C19" s="159"/>
      <c r="D19" s="159"/>
      <c r="E19" s="159"/>
      <c r="F19" s="159"/>
      <c r="G19" s="159"/>
      <c r="H19" s="159"/>
      <c r="I19" s="80">
        <v>793907910</v>
      </c>
      <c r="J19" s="80">
        <v>117117534</v>
      </c>
      <c r="K19" s="80">
        <f>SUM(K10:K18)</f>
        <v>86598546</v>
      </c>
      <c r="L19" s="80">
        <f>M19-K19</f>
        <v>49996568</v>
      </c>
      <c r="M19" s="80">
        <v>136595114</v>
      </c>
      <c r="N19" s="80">
        <v>774430330</v>
      </c>
    </row>
  </sheetData>
  <mergeCells count="17">
    <mergeCell ref="B5:N6"/>
    <mergeCell ref="B7:D7"/>
    <mergeCell ref="B8:H9"/>
    <mergeCell ref="I8:I9"/>
    <mergeCell ref="J8:J9"/>
    <mergeCell ref="K8:M8"/>
    <mergeCell ref="N8:N9"/>
    <mergeCell ref="B16:H16"/>
    <mergeCell ref="B17:H17"/>
    <mergeCell ref="B18:H18"/>
    <mergeCell ref="B19:H19"/>
    <mergeCell ref="B10:H10"/>
    <mergeCell ref="B11:H11"/>
    <mergeCell ref="B12:H12"/>
    <mergeCell ref="B13:H13"/>
    <mergeCell ref="B14:H14"/>
    <mergeCell ref="B15:H15"/>
  </mergeCells>
  <phoneticPr fontId="1"/>
  <printOptions horizontalCentered="1"/>
  <pageMargins left="0.39370078740157483" right="0.15748031496062992" top="0.55118110236220474" bottom="0.43307086614173229" header="0.70866141732283472" footer="0.31496062992125984"/>
  <pageSetup paperSize="9" scale="52" fitToHeight="0" orientation="landscape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B3F4A5B-8A17-4FDA-AFEC-FE6104B5ADA6}">
  <dimension ref="A1:Q75"/>
  <sheetViews>
    <sheetView tabSelected="1" view="pageBreakPreview" zoomScale="60" zoomScaleNormal="100" workbookViewId="0">
      <selection activeCell="B6" sqref="B6:R6"/>
    </sheetView>
  </sheetViews>
  <sheetFormatPr defaultRowHeight="13.5" x14ac:dyDescent="0.4"/>
  <cols>
    <col min="1" max="1" width="4" style="124" customWidth="1"/>
    <col min="2" max="2" width="54.125" style="116" customWidth="1"/>
    <col min="3" max="3" width="60.5" style="116" customWidth="1"/>
    <col min="4" max="4" width="52.75" style="116" customWidth="1"/>
    <col min="5" max="16384" width="9" style="116"/>
  </cols>
  <sheetData>
    <row r="1" spans="1:17" s="1" customFormat="1" ht="22.5" customHeight="1" x14ac:dyDescent="0.4">
      <c r="B1" s="115" t="s">
        <v>226</v>
      </c>
    </row>
    <row r="2" spans="1:17" s="1" customFormat="1" ht="22.5" customHeight="1" x14ac:dyDescent="0.4">
      <c r="B2" s="115" t="s">
        <v>227</v>
      </c>
    </row>
    <row r="3" spans="1:17" s="1" customFormat="1" ht="22.5" customHeight="1" x14ac:dyDescent="0.4">
      <c r="B3" s="115" t="s">
        <v>228</v>
      </c>
    </row>
    <row r="4" spans="1:17" ht="122.25" customHeight="1" x14ac:dyDescent="0.4">
      <c r="A4" s="177" t="s">
        <v>229</v>
      </c>
      <c r="B4" s="177"/>
      <c r="C4" s="177"/>
      <c r="D4" s="177"/>
    </row>
    <row r="5" spans="1:17" s="118" customFormat="1" ht="36" customHeight="1" x14ac:dyDescent="0.4">
      <c r="A5" s="117"/>
    </row>
    <row r="6" spans="1:17" s="118" customFormat="1" ht="36" customHeight="1" x14ac:dyDescent="0.4">
      <c r="A6" s="117"/>
      <c r="B6" s="118" t="s">
        <v>230</v>
      </c>
    </row>
    <row r="7" spans="1:17" s="118" customFormat="1" ht="36" customHeight="1" x14ac:dyDescent="0.4">
      <c r="A7" s="117"/>
      <c r="B7" s="119"/>
      <c r="C7" s="176"/>
      <c r="D7" s="176"/>
    </row>
    <row r="8" spans="1:17" s="118" customFormat="1" ht="36" customHeight="1" x14ac:dyDescent="0.4">
      <c r="A8" s="117"/>
      <c r="B8" s="119"/>
      <c r="C8" s="176"/>
      <c r="D8" s="176"/>
    </row>
    <row r="9" spans="1:17" s="118" customFormat="1" ht="36" customHeight="1" x14ac:dyDescent="0.4">
      <c r="A9" s="117"/>
      <c r="B9" s="120"/>
      <c r="C9" s="176"/>
      <c r="D9" s="176"/>
    </row>
    <row r="10" spans="1:17" s="118" customFormat="1" ht="36" customHeight="1" x14ac:dyDescent="0.4">
      <c r="A10" s="117"/>
      <c r="B10" s="119"/>
      <c r="C10" s="176"/>
      <c r="D10" s="176"/>
    </row>
    <row r="11" spans="1:17" s="118" customFormat="1" ht="36" customHeight="1" x14ac:dyDescent="0.4">
      <c r="A11" s="117"/>
      <c r="B11" s="119"/>
      <c r="C11" s="178"/>
      <c r="D11" s="178"/>
    </row>
    <row r="12" spans="1:17" s="118" customFormat="1" ht="36" customHeight="1" x14ac:dyDescent="0.4">
      <c r="A12" s="117"/>
      <c r="B12" s="119"/>
      <c r="C12" s="176"/>
      <c r="D12" s="176"/>
    </row>
    <row r="13" spans="1:17" s="118" customFormat="1" ht="36" customHeight="1" x14ac:dyDescent="0.4">
      <c r="A13" s="117"/>
      <c r="B13" s="121"/>
      <c r="C13" s="121"/>
    </row>
    <row r="14" spans="1:17" s="118" customFormat="1" ht="36" customHeight="1" x14ac:dyDescent="0.4">
      <c r="A14" s="117"/>
    </row>
    <row r="15" spans="1:17" s="118" customFormat="1" ht="36" customHeight="1" x14ac:dyDescent="0.4">
      <c r="A15" s="117"/>
      <c r="Q15" s="118" t="s">
        <v>231</v>
      </c>
    </row>
    <row r="16" spans="1:17" s="118" customFormat="1" ht="36" customHeight="1" x14ac:dyDescent="0.4">
      <c r="A16" s="117"/>
    </row>
    <row r="17" spans="1:1" s="118" customFormat="1" ht="36" customHeight="1" x14ac:dyDescent="0.4">
      <c r="A17" s="117"/>
    </row>
    <row r="18" spans="1:1" s="118" customFormat="1" ht="36" customHeight="1" x14ac:dyDescent="0.4">
      <c r="A18" s="117"/>
    </row>
    <row r="19" spans="1:1" s="118" customFormat="1" ht="36" customHeight="1" x14ac:dyDescent="0.4">
      <c r="A19" s="117"/>
    </row>
    <row r="20" spans="1:1" s="118" customFormat="1" ht="36" customHeight="1" x14ac:dyDescent="0.4">
      <c r="A20" s="117"/>
    </row>
    <row r="21" spans="1:1" s="118" customFormat="1" ht="36" customHeight="1" x14ac:dyDescent="0.4">
      <c r="A21" s="117"/>
    </row>
    <row r="22" spans="1:1" s="118" customFormat="1" ht="36" customHeight="1" x14ac:dyDescent="0.4">
      <c r="A22" s="117"/>
    </row>
    <row r="23" spans="1:1" s="118" customFormat="1" ht="36" customHeight="1" x14ac:dyDescent="0.4">
      <c r="A23" s="117"/>
    </row>
    <row r="24" spans="1:1" s="118" customFormat="1" ht="36" customHeight="1" x14ac:dyDescent="0.4">
      <c r="A24" s="117"/>
    </row>
    <row r="25" spans="1:1" s="118" customFormat="1" ht="36" customHeight="1" x14ac:dyDescent="0.4">
      <c r="A25" s="117"/>
    </row>
    <row r="26" spans="1:1" s="118" customFormat="1" ht="36" customHeight="1" x14ac:dyDescent="0.4">
      <c r="A26" s="117"/>
    </row>
    <row r="27" spans="1:1" s="118" customFormat="1" ht="36" customHeight="1" x14ac:dyDescent="0.4">
      <c r="A27" s="117"/>
    </row>
    <row r="28" spans="1:1" s="118" customFormat="1" ht="36" customHeight="1" x14ac:dyDescent="0.4">
      <c r="A28" s="117"/>
    </row>
    <row r="29" spans="1:1" s="118" customFormat="1" ht="36" customHeight="1" x14ac:dyDescent="0.4">
      <c r="A29" s="117"/>
    </row>
    <row r="30" spans="1:1" s="118" customFormat="1" ht="36" customHeight="1" x14ac:dyDescent="0.4">
      <c r="A30" s="117"/>
    </row>
    <row r="31" spans="1:1" s="118" customFormat="1" ht="36" customHeight="1" x14ac:dyDescent="0.4">
      <c r="A31" s="117"/>
    </row>
    <row r="32" spans="1:1" s="118" customFormat="1" ht="36" customHeight="1" x14ac:dyDescent="0.4">
      <c r="A32" s="117"/>
    </row>
    <row r="33" spans="1:1" s="118" customFormat="1" ht="36" customHeight="1" x14ac:dyDescent="0.4">
      <c r="A33" s="117"/>
    </row>
    <row r="34" spans="1:1" s="118" customFormat="1" ht="36" customHeight="1" x14ac:dyDescent="0.4">
      <c r="A34" s="117"/>
    </row>
    <row r="35" spans="1:1" s="118" customFormat="1" ht="36" customHeight="1" x14ac:dyDescent="0.4">
      <c r="A35" s="117"/>
    </row>
    <row r="36" spans="1:1" s="118" customFormat="1" ht="36" customHeight="1" x14ac:dyDescent="0.4">
      <c r="A36" s="117"/>
    </row>
    <row r="37" spans="1:1" s="118" customFormat="1" ht="36" customHeight="1" x14ac:dyDescent="0.4">
      <c r="A37" s="117"/>
    </row>
    <row r="38" spans="1:1" s="118" customFormat="1" ht="36" customHeight="1" x14ac:dyDescent="0.4">
      <c r="A38" s="117"/>
    </row>
    <row r="39" spans="1:1" s="118" customFormat="1" ht="36" customHeight="1" x14ac:dyDescent="0.4">
      <c r="A39" s="117"/>
    </row>
    <row r="40" spans="1:1" s="118" customFormat="1" ht="36" customHeight="1" x14ac:dyDescent="0.4">
      <c r="A40" s="117"/>
    </row>
    <row r="41" spans="1:1" s="123" customFormat="1" ht="36" customHeight="1" x14ac:dyDescent="0.4">
      <c r="A41" s="122"/>
    </row>
    <row r="42" spans="1:1" s="123" customFormat="1" ht="36" customHeight="1" x14ac:dyDescent="0.4">
      <c r="A42" s="122"/>
    </row>
    <row r="43" spans="1:1" s="123" customFormat="1" ht="36" customHeight="1" x14ac:dyDescent="0.4">
      <c r="A43" s="122"/>
    </row>
    <row r="44" spans="1:1" s="123" customFormat="1" ht="36" customHeight="1" x14ac:dyDescent="0.4">
      <c r="A44" s="122"/>
    </row>
    <row r="45" spans="1:1" s="123" customFormat="1" ht="36" customHeight="1" x14ac:dyDescent="0.4">
      <c r="A45" s="122"/>
    </row>
    <row r="46" spans="1:1" s="123" customFormat="1" ht="36" customHeight="1" x14ac:dyDescent="0.4">
      <c r="A46" s="122"/>
    </row>
    <row r="47" spans="1:1" s="123" customFormat="1" ht="36" customHeight="1" x14ac:dyDescent="0.4">
      <c r="A47" s="122"/>
    </row>
    <row r="48" spans="1:1" s="123" customFormat="1" ht="36" customHeight="1" x14ac:dyDescent="0.4">
      <c r="A48" s="122"/>
    </row>
    <row r="49" spans="1:1" s="123" customFormat="1" ht="36" customHeight="1" x14ac:dyDescent="0.4">
      <c r="A49" s="122"/>
    </row>
    <row r="50" spans="1:1" s="123" customFormat="1" ht="36" customHeight="1" x14ac:dyDescent="0.4">
      <c r="A50" s="122"/>
    </row>
    <row r="51" spans="1:1" s="123" customFormat="1" ht="36" customHeight="1" x14ac:dyDescent="0.4">
      <c r="A51" s="122"/>
    </row>
    <row r="52" spans="1:1" s="123" customFormat="1" ht="36" customHeight="1" x14ac:dyDescent="0.4">
      <c r="A52" s="122"/>
    </row>
    <row r="53" spans="1:1" s="123" customFormat="1" ht="36" customHeight="1" x14ac:dyDescent="0.4">
      <c r="A53" s="122"/>
    </row>
    <row r="54" spans="1:1" s="123" customFormat="1" ht="36" customHeight="1" x14ac:dyDescent="0.4">
      <c r="A54" s="122"/>
    </row>
    <row r="55" spans="1:1" s="123" customFormat="1" ht="36" customHeight="1" x14ac:dyDescent="0.4">
      <c r="A55" s="122"/>
    </row>
    <row r="56" spans="1:1" s="123" customFormat="1" ht="36" customHeight="1" x14ac:dyDescent="0.4">
      <c r="A56" s="122"/>
    </row>
    <row r="57" spans="1:1" s="123" customFormat="1" ht="24" x14ac:dyDescent="0.4">
      <c r="A57" s="122"/>
    </row>
    <row r="58" spans="1:1" s="123" customFormat="1" ht="24" x14ac:dyDescent="0.4">
      <c r="A58" s="122"/>
    </row>
    <row r="59" spans="1:1" s="123" customFormat="1" ht="24" x14ac:dyDescent="0.4">
      <c r="A59" s="122"/>
    </row>
    <row r="60" spans="1:1" s="123" customFormat="1" ht="24" x14ac:dyDescent="0.4">
      <c r="A60" s="122"/>
    </row>
    <row r="61" spans="1:1" s="123" customFormat="1" ht="24" x14ac:dyDescent="0.4">
      <c r="A61" s="122"/>
    </row>
    <row r="62" spans="1:1" s="123" customFormat="1" ht="24" x14ac:dyDescent="0.4">
      <c r="A62" s="122"/>
    </row>
    <row r="63" spans="1:1" s="123" customFormat="1" ht="24" x14ac:dyDescent="0.4">
      <c r="A63" s="122"/>
    </row>
    <row r="64" spans="1:1" s="123" customFormat="1" ht="24" x14ac:dyDescent="0.4">
      <c r="A64" s="122"/>
    </row>
    <row r="65" spans="1:1" s="123" customFormat="1" ht="24" x14ac:dyDescent="0.4">
      <c r="A65" s="122"/>
    </row>
    <row r="66" spans="1:1" s="123" customFormat="1" ht="24" x14ac:dyDescent="0.4">
      <c r="A66" s="122"/>
    </row>
    <row r="67" spans="1:1" s="123" customFormat="1" ht="24" x14ac:dyDescent="0.4">
      <c r="A67" s="122"/>
    </row>
    <row r="68" spans="1:1" s="123" customFormat="1" ht="24" x14ac:dyDescent="0.4">
      <c r="A68" s="122"/>
    </row>
    <row r="69" spans="1:1" s="123" customFormat="1" ht="24" x14ac:dyDescent="0.4">
      <c r="A69" s="122"/>
    </row>
    <row r="70" spans="1:1" s="123" customFormat="1" ht="24" x14ac:dyDescent="0.4">
      <c r="A70" s="122"/>
    </row>
    <row r="71" spans="1:1" s="123" customFormat="1" ht="24" x14ac:dyDescent="0.4">
      <c r="A71" s="122"/>
    </row>
    <row r="72" spans="1:1" s="123" customFormat="1" ht="24" x14ac:dyDescent="0.4">
      <c r="A72" s="122"/>
    </row>
    <row r="73" spans="1:1" s="123" customFormat="1" ht="24" x14ac:dyDescent="0.4">
      <c r="A73" s="122"/>
    </row>
    <row r="74" spans="1:1" s="123" customFormat="1" ht="24" x14ac:dyDescent="0.4">
      <c r="A74" s="122"/>
    </row>
    <row r="75" spans="1:1" s="123" customFormat="1" ht="24" x14ac:dyDescent="0.4">
      <c r="A75" s="122"/>
    </row>
  </sheetData>
  <mergeCells count="7">
    <mergeCell ref="C12:D12"/>
    <mergeCell ref="A4:D4"/>
    <mergeCell ref="C7:D7"/>
    <mergeCell ref="C8:D8"/>
    <mergeCell ref="C9:D9"/>
    <mergeCell ref="C10:D10"/>
    <mergeCell ref="C11:D11"/>
  </mergeCells>
  <phoneticPr fontId="8"/>
  <pageMargins left="0.7" right="0.7" top="0.75" bottom="0.75" header="0.3" footer="0.3"/>
  <pageSetup paperSize="9" scale="47" orientation="portrait" r:id="rId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8D3BBFB-C331-4EDF-9243-89260EAE7B75}">
  <dimension ref="A1:IV12"/>
  <sheetViews>
    <sheetView tabSelected="1" view="pageBreakPreview" zoomScale="60" zoomScaleNormal="100" workbookViewId="0">
      <selection activeCell="B6" sqref="B6:R6"/>
    </sheetView>
  </sheetViews>
  <sheetFormatPr defaultColWidth="3.5" defaultRowHeight="18.75" x14ac:dyDescent="0.4"/>
  <cols>
    <col min="1" max="1" width="2.625" style="67" customWidth="1"/>
    <col min="2" max="7" width="3.5" style="67" customWidth="1"/>
    <col min="8" max="8" width="15.625" style="67" customWidth="1"/>
    <col min="9" max="9" width="29.5" style="67" bestFit="1" customWidth="1"/>
    <col min="10" max="10" width="33.625" style="67" customWidth="1"/>
    <col min="11" max="11" width="33.625" style="67" bestFit="1" customWidth="1"/>
    <col min="12" max="12" width="37.625" style="67" bestFit="1" customWidth="1"/>
    <col min="13" max="13" width="27.375" style="67" bestFit="1" customWidth="1"/>
    <col min="14" max="14" width="37.625" style="67" bestFit="1" customWidth="1"/>
    <col min="15" max="15" width="34.25" style="67" bestFit="1" customWidth="1"/>
    <col min="16" max="16" width="25.625" style="67" customWidth="1"/>
    <col min="17" max="17" width="34.25" style="67" bestFit="1" customWidth="1"/>
    <col min="18" max="18" width="2.625" style="67" customWidth="1"/>
    <col min="19" max="255" width="8.875" style="67" customWidth="1"/>
    <col min="256" max="16384" width="3.5" style="67"/>
  </cols>
  <sheetData>
    <row r="1" spans="1:256" x14ac:dyDescent="0.4">
      <c r="B1" s="2" t="s">
        <v>226</v>
      </c>
    </row>
    <row r="2" spans="1:256" x14ac:dyDescent="0.4">
      <c r="B2" s="2" t="s">
        <v>227</v>
      </c>
    </row>
    <row r="3" spans="1:256" x14ac:dyDescent="0.4">
      <c r="B3" s="2" t="s">
        <v>246</v>
      </c>
    </row>
    <row r="4" spans="1:256" x14ac:dyDescent="0.4">
      <c r="A4" s="68"/>
      <c r="B4" s="68"/>
      <c r="C4" s="68"/>
      <c r="D4" s="68"/>
      <c r="E4" s="68"/>
      <c r="F4" s="68"/>
      <c r="G4" s="68"/>
      <c r="H4" s="68"/>
      <c r="I4" s="68"/>
      <c r="J4" s="68"/>
      <c r="K4" s="68"/>
      <c r="L4" s="68"/>
      <c r="M4" s="68"/>
      <c r="N4" s="68"/>
      <c r="O4" s="68"/>
      <c r="P4" s="68"/>
      <c r="Q4" s="68"/>
      <c r="R4" s="68"/>
      <c r="S4" s="68"/>
      <c r="T4" s="68"/>
      <c r="U4" s="68"/>
      <c r="V4" s="68"/>
      <c r="W4" s="68"/>
      <c r="X4" s="68"/>
      <c r="Y4" s="68"/>
      <c r="Z4" s="68"/>
      <c r="AA4" s="68"/>
      <c r="AB4" s="68"/>
      <c r="AC4" s="68"/>
      <c r="AD4" s="68"/>
      <c r="AE4" s="68"/>
      <c r="AF4" s="68"/>
      <c r="AG4" s="68"/>
      <c r="AH4" s="68"/>
      <c r="AI4" s="68"/>
      <c r="AJ4" s="68"/>
      <c r="AK4" s="68"/>
      <c r="AL4" s="68"/>
      <c r="AM4" s="68"/>
      <c r="AN4" s="68"/>
      <c r="AO4" s="68"/>
      <c r="AP4" s="68"/>
      <c r="AQ4" s="68"/>
      <c r="AR4" s="68"/>
      <c r="AS4" s="68"/>
      <c r="AT4" s="68"/>
      <c r="AU4" s="68"/>
      <c r="AV4" s="68"/>
      <c r="AW4" s="68"/>
      <c r="AX4" s="68"/>
      <c r="AY4" s="68"/>
      <c r="AZ4" s="68"/>
      <c r="BA4" s="68"/>
      <c r="BB4" s="68"/>
      <c r="BC4" s="68"/>
      <c r="BD4" s="68"/>
      <c r="BE4" s="68"/>
      <c r="BF4" s="68"/>
      <c r="BG4" s="68"/>
      <c r="BH4" s="68"/>
      <c r="BI4" s="68"/>
      <c r="BJ4" s="68"/>
      <c r="BK4" s="68"/>
      <c r="BL4" s="68"/>
      <c r="BM4" s="68"/>
      <c r="BN4" s="68"/>
      <c r="BO4" s="68"/>
      <c r="BP4" s="68"/>
      <c r="BQ4" s="68"/>
      <c r="BR4" s="68"/>
      <c r="BS4" s="68"/>
      <c r="BT4" s="68"/>
      <c r="BU4" s="68"/>
      <c r="BV4" s="68"/>
      <c r="BW4" s="68"/>
      <c r="BX4" s="68"/>
      <c r="BY4" s="68"/>
      <c r="BZ4" s="68"/>
      <c r="CA4" s="68"/>
      <c r="CB4" s="68"/>
      <c r="CC4" s="68"/>
      <c r="CD4" s="68"/>
      <c r="CE4" s="68"/>
      <c r="CF4" s="68"/>
      <c r="CG4" s="68"/>
      <c r="CH4" s="68"/>
      <c r="CI4" s="68"/>
      <c r="CJ4" s="68"/>
      <c r="CK4" s="68"/>
      <c r="CL4" s="68"/>
      <c r="CM4" s="68"/>
      <c r="CN4" s="68"/>
      <c r="CO4" s="68"/>
      <c r="CP4" s="68"/>
      <c r="CQ4" s="68"/>
      <c r="CR4" s="68"/>
      <c r="CS4" s="68"/>
      <c r="CT4" s="68"/>
      <c r="CU4" s="68"/>
      <c r="CV4" s="68"/>
      <c r="CW4" s="68"/>
      <c r="CX4" s="68"/>
      <c r="CY4" s="68"/>
      <c r="CZ4" s="68"/>
      <c r="DA4" s="68"/>
      <c r="DB4" s="68"/>
      <c r="DC4" s="68"/>
      <c r="DD4" s="68"/>
      <c r="DE4" s="68"/>
      <c r="DF4" s="68"/>
      <c r="DG4" s="68"/>
      <c r="DH4" s="68"/>
      <c r="DI4" s="68"/>
      <c r="DJ4" s="68"/>
      <c r="DK4" s="68"/>
      <c r="DL4" s="68"/>
      <c r="DM4" s="68"/>
      <c r="DN4" s="68"/>
      <c r="DO4" s="68"/>
      <c r="DP4" s="68"/>
      <c r="DQ4" s="68"/>
      <c r="DR4" s="68"/>
      <c r="DS4" s="68"/>
      <c r="DT4" s="68"/>
      <c r="DU4" s="68"/>
      <c r="DV4" s="68"/>
      <c r="DW4" s="68"/>
      <c r="DX4" s="68"/>
      <c r="DY4" s="68"/>
      <c r="DZ4" s="68"/>
      <c r="EA4" s="68"/>
      <c r="EB4" s="68"/>
      <c r="EC4" s="68"/>
      <c r="ED4" s="68"/>
      <c r="EE4" s="68"/>
      <c r="EF4" s="68"/>
      <c r="EG4" s="68"/>
      <c r="EH4" s="68"/>
      <c r="EI4" s="68"/>
      <c r="EJ4" s="68"/>
      <c r="EK4" s="68"/>
      <c r="EL4" s="68"/>
      <c r="EM4" s="68"/>
      <c r="EN4" s="68"/>
      <c r="EO4" s="68"/>
      <c r="EP4" s="68"/>
      <c r="EQ4" s="68"/>
      <c r="ER4" s="68"/>
      <c r="ES4" s="68"/>
      <c r="ET4" s="68"/>
      <c r="EU4" s="68"/>
      <c r="EV4" s="68"/>
      <c r="EW4" s="68"/>
      <c r="EX4" s="68"/>
      <c r="EY4" s="68"/>
      <c r="EZ4" s="68"/>
      <c r="FA4" s="68"/>
      <c r="FB4" s="68"/>
      <c r="FC4" s="68"/>
      <c r="FD4" s="68"/>
      <c r="FE4" s="68"/>
      <c r="FF4" s="68"/>
      <c r="FG4" s="68"/>
      <c r="FH4" s="68"/>
      <c r="FI4" s="68"/>
      <c r="FJ4" s="68"/>
      <c r="FK4" s="68"/>
      <c r="FL4" s="68"/>
      <c r="FM4" s="68"/>
      <c r="FN4" s="68"/>
      <c r="FO4" s="68"/>
      <c r="FP4" s="68"/>
      <c r="FQ4" s="68"/>
      <c r="FR4" s="68"/>
      <c r="FS4" s="68"/>
      <c r="FT4" s="68"/>
      <c r="FU4" s="68"/>
      <c r="FV4" s="68"/>
      <c r="FW4" s="68"/>
      <c r="FX4" s="68"/>
      <c r="FY4" s="68"/>
      <c r="FZ4" s="68"/>
      <c r="GA4" s="68"/>
      <c r="GB4" s="68"/>
      <c r="GC4" s="68"/>
      <c r="GD4" s="68"/>
      <c r="GE4" s="68"/>
      <c r="GF4" s="68"/>
      <c r="GG4" s="68"/>
      <c r="GH4" s="68"/>
      <c r="GI4" s="68"/>
      <c r="GJ4" s="68"/>
      <c r="GK4" s="68"/>
      <c r="GL4" s="68"/>
      <c r="GM4" s="68"/>
      <c r="GN4" s="68"/>
      <c r="GO4" s="68"/>
      <c r="GP4" s="68"/>
      <c r="GQ4" s="68"/>
      <c r="GR4" s="68"/>
      <c r="GS4" s="68"/>
      <c r="GT4" s="68"/>
      <c r="GU4" s="68"/>
      <c r="GV4" s="68"/>
      <c r="GW4" s="68"/>
      <c r="GX4" s="68"/>
      <c r="GY4" s="68"/>
      <c r="GZ4" s="68"/>
      <c r="HA4" s="68"/>
      <c r="HB4" s="68"/>
      <c r="HC4" s="68"/>
      <c r="HD4" s="68"/>
      <c r="HE4" s="68"/>
      <c r="HF4" s="68"/>
      <c r="HG4" s="68"/>
      <c r="HH4" s="68"/>
      <c r="HI4" s="68"/>
      <c r="HJ4" s="68"/>
      <c r="HK4" s="68"/>
      <c r="HL4" s="68"/>
      <c r="HM4" s="68"/>
      <c r="HN4" s="68"/>
      <c r="HO4" s="68"/>
      <c r="HP4" s="68"/>
      <c r="HQ4" s="68"/>
      <c r="HR4" s="68"/>
      <c r="HS4" s="68"/>
      <c r="HT4" s="68"/>
      <c r="HU4" s="68"/>
      <c r="HV4" s="68"/>
      <c r="HW4" s="68"/>
      <c r="HX4" s="68"/>
      <c r="HY4" s="68"/>
      <c r="HZ4" s="68"/>
      <c r="IA4" s="68"/>
      <c r="IB4" s="68"/>
      <c r="IC4" s="68"/>
      <c r="ID4" s="68"/>
      <c r="IE4" s="68"/>
      <c r="IF4" s="68"/>
      <c r="IG4" s="68"/>
      <c r="IH4" s="68"/>
      <c r="II4" s="68"/>
      <c r="IJ4" s="68"/>
      <c r="IK4" s="68"/>
      <c r="IL4" s="68"/>
      <c r="IM4" s="68"/>
      <c r="IN4" s="68"/>
      <c r="IO4" s="68"/>
      <c r="IP4" s="68"/>
      <c r="IQ4" s="68"/>
      <c r="IR4" s="68"/>
      <c r="IS4" s="68"/>
      <c r="IT4" s="68"/>
      <c r="IU4" s="68"/>
      <c r="IV4" s="68"/>
    </row>
    <row r="5" spans="1:256" x14ac:dyDescent="0.4">
      <c r="A5" s="146" t="s">
        <v>232</v>
      </c>
      <c r="B5" s="146"/>
      <c r="C5" s="146"/>
      <c r="D5" s="146"/>
      <c r="E5" s="146"/>
      <c r="F5" s="146"/>
      <c r="G5" s="146"/>
      <c r="H5" s="146"/>
      <c r="I5" s="146"/>
      <c r="J5" s="146"/>
      <c r="K5" s="146"/>
      <c r="L5" s="146"/>
      <c r="M5" s="146"/>
      <c r="N5" s="146"/>
      <c r="O5" s="146"/>
      <c r="P5" s="146"/>
      <c r="Q5" s="146"/>
      <c r="R5" s="146"/>
      <c r="S5" s="68"/>
      <c r="T5" s="68"/>
      <c r="U5" s="68"/>
      <c r="V5" s="68"/>
      <c r="W5" s="68"/>
      <c r="X5" s="68"/>
      <c r="Y5" s="68"/>
      <c r="Z5" s="68"/>
      <c r="AA5" s="68"/>
      <c r="AB5" s="68"/>
      <c r="AC5" s="68"/>
      <c r="AD5" s="68"/>
      <c r="AE5" s="68"/>
      <c r="AF5" s="68"/>
      <c r="AG5" s="68"/>
      <c r="AH5" s="68"/>
      <c r="AI5" s="68"/>
      <c r="AJ5" s="68"/>
      <c r="AK5" s="68"/>
      <c r="AL5" s="68"/>
      <c r="AM5" s="68"/>
      <c r="AN5" s="68"/>
      <c r="AO5" s="68"/>
      <c r="AP5" s="68"/>
      <c r="AQ5" s="68"/>
      <c r="AR5" s="68"/>
      <c r="AS5" s="68"/>
      <c r="AT5" s="68"/>
      <c r="AU5" s="68"/>
      <c r="AV5" s="68"/>
      <c r="AW5" s="68"/>
      <c r="AX5" s="68"/>
      <c r="AY5" s="68"/>
      <c r="AZ5" s="68"/>
      <c r="BA5" s="68"/>
      <c r="BB5" s="68"/>
      <c r="BC5" s="68"/>
      <c r="BD5" s="68"/>
      <c r="BE5" s="68"/>
      <c r="BF5" s="68"/>
      <c r="BG5" s="68"/>
      <c r="BH5" s="68"/>
      <c r="BI5" s="68"/>
      <c r="BJ5" s="68"/>
      <c r="BK5" s="68"/>
      <c r="BL5" s="68"/>
      <c r="BM5" s="68"/>
      <c r="BN5" s="68"/>
      <c r="BO5" s="68"/>
      <c r="BP5" s="68"/>
      <c r="BQ5" s="68"/>
      <c r="BR5" s="68"/>
      <c r="BS5" s="68"/>
      <c r="BT5" s="68"/>
      <c r="BU5" s="68"/>
      <c r="BV5" s="68"/>
      <c r="BW5" s="68"/>
      <c r="BX5" s="68"/>
      <c r="BY5" s="68"/>
      <c r="BZ5" s="68"/>
      <c r="CA5" s="68"/>
      <c r="CB5" s="68"/>
      <c r="CC5" s="68"/>
      <c r="CD5" s="68"/>
      <c r="CE5" s="68"/>
      <c r="CF5" s="68"/>
      <c r="CG5" s="68"/>
      <c r="CH5" s="68"/>
      <c r="CI5" s="68"/>
      <c r="CJ5" s="68"/>
      <c r="CK5" s="68"/>
      <c r="CL5" s="68"/>
      <c r="CM5" s="68"/>
      <c r="CN5" s="68"/>
      <c r="CO5" s="68"/>
      <c r="CP5" s="68"/>
      <c r="CQ5" s="68"/>
      <c r="CR5" s="68"/>
      <c r="CS5" s="68"/>
      <c r="CT5" s="68"/>
      <c r="CU5" s="68"/>
      <c r="CV5" s="68"/>
      <c r="CW5" s="68"/>
      <c r="CX5" s="68"/>
      <c r="CY5" s="68"/>
      <c r="CZ5" s="68"/>
      <c r="DA5" s="68"/>
      <c r="DB5" s="68"/>
      <c r="DC5" s="68"/>
      <c r="DD5" s="68"/>
      <c r="DE5" s="68"/>
      <c r="DF5" s="68"/>
      <c r="DG5" s="68"/>
      <c r="DH5" s="68"/>
      <c r="DI5" s="68"/>
      <c r="DJ5" s="68"/>
      <c r="DK5" s="68"/>
      <c r="DL5" s="68"/>
      <c r="DM5" s="68"/>
      <c r="DN5" s="68"/>
      <c r="DO5" s="68"/>
      <c r="DP5" s="68"/>
      <c r="DQ5" s="68"/>
      <c r="DR5" s="68"/>
      <c r="DS5" s="68"/>
      <c r="DT5" s="68"/>
      <c r="DU5" s="68"/>
      <c r="DV5" s="68"/>
      <c r="DW5" s="68"/>
      <c r="DX5" s="68"/>
      <c r="DY5" s="68"/>
      <c r="DZ5" s="68"/>
      <c r="EA5" s="68"/>
      <c r="EB5" s="68"/>
      <c r="EC5" s="68"/>
      <c r="ED5" s="68"/>
      <c r="EE5" s="68"/>
      <c r="EF5" s="68"/>
      <c r="EG5" s="68"/>
      <c r="EH5" s="68"/>
      <c r="EI5" s="68"/>
      <c r="EJ5" s="68"/>
      <c r="EK5" s="68"/>
      <c r="EL5" s="68"/>
      <c r="EM5" s="68"/>
      <c r="EN5" s="68"/>
      <c r="EO5" s="68"/>
      <c r="EP5" s="68"/>
      <c r="EQ5" s="68"/>
      <c r="ER5" s="68"/>
      <c r="ES5" s="68"/>
      <c r="ET5" s="68"/>
      <c r="EU5" s="68"/>
      <c r="EV5" s="68"/>
      <c r="EW5" s="68"/>
      <c r="EX5" s="68"/>
      <c r="EY5" s="68"/>
      <c r="EZ5" s="68"/>
      <c r="FA5" s="68"/>
      <c r="FB5" s="68"/>
      <c r="FC5" s="68"/>
      <c r="FD5" s="68"/>
      <c r="FE5" s="68"/>
      <c r="FF5" s="68"/>
      <c r="FG5" s="68"/>
      <c r="FH5" s="68"/>
      <c r="FI5" s="68"/>
      <c r="FJ5" s="68"/>
      <c r="FK5" s="68"/>
      <c r="FL5" s="68"/>
      <c r="FM5" s="68"/>
      <c r="FN5" s="68"/>
      <c r="FO5" s="68"/>
      <c r="FP5" s="68"/>
      <c r="FQ5" s="68"/>
      <c r="FR5" s="68"/>
      <c r="FS5" s="68"/>
      <c r="FT5" s="68"/>
      <c r="FU5" s="68"/>
      <c r="FV5" s="68"/>
      <c r="FW5" s="68"/>
      <c r="FX5" s="68"/>
      <c r="FY5" s="68"/>
      <c r="FZ5" s="68"/>
      <c r="GA5" s="68"/>
      <c r="GB5" s="68"/>
      <c r="GC5" s="68"/>
      <c r="GD5" s="68"/>
      <c r="GE5" s="68"/>
      <c r="GF5" s="68"/>
      <c r="GG5" s="68"/>
      <c r="GH5" s="68"/>
      <c r="GI5" s="68"/>
      <c r="GJ5" s="68"/>
      <c r="GK5" s="68"/>
      <c r="GL5" s="68"/>
      <c r="GM5" s="68"/>
      <c r="GN5" s="68"/>
      <c r="GO5" s="68"/>
      <c r="GP5" s="68"/>
      <c r="GQ5" s="68"/>
      <c r="GR5" s="68"/>
      <c r="GS5" s="68"/>
      <c r="GT5" s="68"/>
      <c r="GU5" s="68"/>
      <c r="GV5" s="68"/>
      <c r="GW5" s="68"/>
      <c r="GX5" s="68"/>
      <c r="GY5" s="68"/>
      <c r="GZ5" s="68"/>
      <c r="HA5" s="68"/>
      <c r="HB5" s="68"/>
      <c r="HC5" s="68"/>
      <c r="HD5" s="68"/>
      <c r="HE5" s="68"/>
      <c r="HF5" s="68"/>
      <c r="HG5" s="68"/>
      <c r="HH5" s="68"/>
      <c r="HI5" s="68"/>
      <c r="HJ5" s="68"/>
      <c r="HK5" s="68"/>
      <c r="HL5" s="68"/>
      <c r="HM5" s="68"/>
      <c r="HN5" s="68"/>
      <c r="HO5" s="68"/>
      <c r="HP5" s="68"/>
      <c r="HQ5" s="68"/>
      <c r="HR5" s="68"/>
      <c r="HS5" s="68"/>
      <c r="HT5" s="68"/>
      <c r="HU5" s="68"/>
      <c r="HV5" s="68"/>
      <c r="HW5" s="68"/>
      <c r="HX5" s="68"/>
      <c r="HY5" s="68"/>
      <c r="HZ5" s="68"/>
      <c r="IA5" s="68"/>
      <c r="IB5" s="68"/>
      <c r="IC5" s="68"/>
      <c r="ID5" s="68"/>
      <c r="IE5" s="68"/>
      <c r="IF5" s="68"/>
      <c r="IG5" s="68"/>
      <c r="IH5" s="68"/>
      <c r="II5" s="68"/>
      <c r="IJ5" s="68"/>
      <c r="IK5" s="68"/>
      <c r="IL5" s="68"/>
      <c r="IM5" s="68"/>
      <c r="IN5" s="68"/>
      <c r="IO5" s="68"/>
      <c r="IP5" s="68"/>
      <c r="IQ5" s="68"/>
      <c r="IR5" s="68"/>
      <c r="IS5" s="68"/>
      <c r="IT5" s="68"/>
      <c r="IU5" s="68"/>
      <c r="IV5" s="68"/>
    </row>
    <row r="6" spans="1:256" x14ac:dyDescent="0.4">
      <c r="A6" s="146"/>
      <c r="B6" s="146"/>
      <c r="C6" s="146"/>
      <c r="D6" s="146"/>
      <c r="E6" s="146"/>
      <c r="F6" s="146"/>
      <c r="G6" s="146"/>
      <c r="H6" s="146"/>
      <c r="I6" s="146"/>
      <c r="J6" s="146"/>
      <c r="K6" s="146"/>
      <c r="L6" s="146"/>
      <c r="M6" s="146"/>
      <c r="N6" s="146"/>
      <c r="O6" s="146"/>
      <c r="P6" s="146"/>
      <c r="Q6" s="146"/>
      <c r="R6" s="146"/>
      <c r="S6" s="68"/>
      <c r="T6" s="68"/>
      <c r="U6" s="68"/>
      <c r="V6" s="68"/>
      <c r="W6" s="68"/>
      <c r="X6" s="68"/>
      <c r="Y6" s="68"/>
      <c r="Z6" s="68"/>
      <c r="AA6" s="68"/>
      <c r="AB6" s="68"/>
      <c r="AC6" s="68"/>
      <c r="AD6" s="68"/>
      <c r="AE6" s="68"/>
      <c r="AF6" s="68"/>
      <c r="AG6" s="68"/>
      <c r="AH6" s="68"/>
      <c r="AI6" s="68"/>
      <c r="AJ6" s="68"/>
      <c r="AK6" s="68"/>
      <c r="AL6" s="68"/>
      <c r="AM6" s="68"/>
      <c r="AN6" s="68"/>
      <c r="AO6" s="68"/>
      <c r="AP6" s="68"/>
      <c r="AQ6" s="68"/>
      <c r="AR6" s="68"/>
      <c r="AS6" s="68"/>
      <c r="AT6" s="68"/>
      <c r="AU6" s="68"/>
      <c r="AV6" s="68"/>
      <c r="AW6" s="68"/>
      <c r="AX6" s="68"/>
      <c r="AY6" s="68"/>
      <c r="AZ6" s="68"/>
      <c r="BA6" s="68"/>
      <c r="BB6" s="68"/>
      <c r="BC6" s="68"/>
      <c r="BD6" s="68"/>
      <c r="BE6" s="68"/>
      <c r="BF6" s="68"/>
      <c r="BG6" s="68"/>
      <c r="BH6" s="68"/>
      <c r="BI6" s="68"/>
      <c r="BJ6" s="68"/>
      <c r="BK6" s="68"/>
      <c r="BL6" s="68"/>
      <c r="BM6" s="68"/>
      <c r="BN6" s="68"/>
      <c r="BO6" s="68"/>
      <c r="BP6" s="68"/>
      <c r="BQ6" s="68"/>
      <c r="BR6" s="68"/>
      <c r="BS6" s="68"/>
      <c r="BT6" s="68"/>
      <c r="BU6" s="68"/>
      <c r="BV6" s="68"/>
      <c r="BW6" s="68"/>
      <c r="BX6" s="68"/>
      <c r="BY6" s="68"/>
      <c r="BZ6" s="68"/>
      <c r="CA6" s="68"/>
      <c r="CB6" s="68"/>
      <c r="CC6" s="68"/>
      <c r="CD6" s="68"/>
      <c r="CE6" s="68"/>
      <c r="CF6" s="68"/>
      <c r="CG6" s="68"/>
      <c r="CH6" s="68"/>
      <c r="CI6" s="68"/>
      <c r="CJ6" s="68"/>
      <c r="CK6" s="68"/>
      <c r="CL6" s="68"/>
      <c r="CM6" s="68"/>
      <c r="CN6" s="68"/>
      <c r="CO6" s="68"/>
      <c r="CP6" s="68"/>
      <c r="CQ6" s="68"/>
      <c r="CR6" s="68"/>
      <c r="CS6" s="68"/>
      <c r="CT6" s="68"/>
      <c r="CU6" s="68"/>
      <c r="CV6" s="68"/>
      <c r="CW6" s="68"/>
      <c r="CX6" s="68"/>
      <c r="CY6" s="68"/>
      <c r="CZ6" s="68"/>
      <c r="DA6" s="68"/>
      <c r="DB6" s="68"/>
      <c r="DC6" s="68"/>
      <c r="DD6" s="68"/>
      <c r="DE6" s="68"/>
      <c r="DF6" s="68"/>
      <c r="DG6" s="68"/>
      <c r="DH6" s="68"/>
      <c r="DI6" s="68"/>
      <c r="DJ6" s="68"/>
      <c r="DK6" s="68"/>
      <c r="DL6" s="68"/>
      <c r="DM6" s="68"/>
      <c r="DN6" s="68"/>
      <c r="DO6" s="68"/>
      <c r="DP6" s="68"/>
      <c r="DQ6" s="68"/>
      <c r="DR6" s="68"/>
      <c r="DS6" s="68"/>
      <c r="DT6" s="68"/>
      <c r="DU6" s="68"/>
      <c r="DV6" s="68"/>
      <c r="DW6" s="68"/>
      <c r="DX6" s="68"/>
      <c r="DY6" s="68"/>
      <c r="DZ6" s="68"/>
      <c r="EA6" s="68"/>
      <c r="EB6" s="68"/>
      <c r="EC6" s="68"/>
      <c r="ED6" s="68"/>
      <c r="EE6" s="68"/>
      <c r="EF6" s="68"/>
      <c r="EG6" s="68"/>
      <c r="EH6" s="68"/>
      <c r="EI6" s="68"/>
      <c r="EJ6" s="68"/>
      <c r="EK6" s="68"/>
      <c r="EL6" s="68"/>
      <c r="EM6" s="68"/>
      <c r="EN6" s="68"/>
      <c r="EO6" s="68"/>
      <c r="EP6" s="68"/>
      <c r="EQ6" s="68"/>
      <c r="ER6" s="68"/>
      <c r="ES6" s="68"/>
      <c r="ET6" s="68"/>
      <c r="EU6" s="68"/>
      <c r="EV6" s="68"/>
      <c r="EW6" s="68"/>
      <c r="EX6" s="68"/>
      <c r="EY6" s="68"/>
      <c r="EZ6" s="68"/>
      <c r="FA6" s="68"/>
      <c r="FB6" s="68"/>
      <c r="FC6" s="68"/>
      <c r="FD6" s="68"/>
      <c r="FE6" s="68"/>
      <c r="FF6" s="68"/>
      <c r="FG6" s="68"/>
      <c r="FH6" s="68"/>
      <c r="FI6" s="68"/>
      <c r="FJ6" s="68"/>
      <c r="FK6" s="68"/>
      <c r="FL6" s="68"/>
      <c r="FM6" s="68"/>
      <c r="FN6" s="68"/>
      <c r="FO6" s="68"/>
      <c r="FP6" s="68"/>
      <c r="FQ6" s="68"/>
      <c r="FR6" s="68"/>
      <c r="FS6" s="68"/>
      <c r="FT6" s="68"/>
      <c r="FU6" s="68"/>
      <c r="FV6" s="68"/>
      <c r="FW6" s="68"/>
      <c r="FX6" s="68"/>
      <c r="FY6" s="68"/>
      <c r="FZ6" s="68"/>
      <c r="GA6" s="68"/>
      <c r="GB6" s="68"/>
      <c r="GC6" s="68"/>
      <c r="GD6" s="68"/>
      <c r="GE6" s="68"/>
      <c r="GF6" s="68"/>
      <c r="GG6" s="68"/>
      <c r="GH6" s="68"/>
      <c r="GI6" s="68"/>
      <c r="GJ6" s="68"/>
      <c r="GK6" s="68"/>
      <c r="GL6" s="68"/>
      <c r="GM6" s="68"/>
      <c r="GN6" s="68"/>
      <c r="GO6" s="68"/>
      <c r="GP6" s="68"/>
      <c r="GQ6" s="68"/>
      <c r="GR6" s="68"/>
      <c r="GS6" s="68"/>
      <c r="GT6" s="68"/>
      <c r="GU6" s="68"/>
      <c r="GV6" s="68"/>
      <c r="GW6" s="68"/>
      <c r="GX6" s="68"/>
      <c r="GY6" s="68"/>
      <c r="GZ6" s="68"/>
      <c r="HA6" s="68"/>
      <c r="HB6" s="68"/>
      <c r="HC6" s="68"/>
      <c r="HD6" s="68"/>
      <c r="HE6" s="68"/>
      <c r="HF6" s="68"/>
      <c r="HG6" s="68"/>
      <c r="HH6" s="68"/>
      <c r="HI6" s="68"/>
      <c r="HJ6" s="68"/>
      <c r="HK6" s="68"/>
      <c r="HL6" s="68"/>
      <c r="HM6" s="68"/>
      <c r="HN6" s="68"/>
      <c r="HO6" s="68"/>
      <c r="HP6" s="68"/>
      <c r="HQ6" s="68"/>
      <c r="HR6" s="68"/>
      <c r="HS6" s="68"/>
      <c r="HT6" s="68"/>
      <c r="HU6" s="68"/>
      <c r="HV6" s="68"/>
      <c r="HW6" s="68"/>
      <c r="HX6" s="68"/>
      <c r="HY6" s="68"/>
      <c r="HZ6" s="68"/>
      <c r="IA6" s="68"/>
      <c r="IB6" s="68"/>
      <c r="IC6" s="68"/>
      <c r="ID6" s="68"/>
      <c r="IE6" s="68"/>
      <c r="IF6" s="68"/>
      <c r="IG6" s="68"/>
      <c r="IH6" s="68"/>
      <c r="II6" s="68"/>
      <c r="IJ6" s="68"/>
      <c r="IK6" s="68"/>
      <c r="IL6" s="68"/>
      <c r="IM6" s="68"/>
      <c r="IN6" s="68"/>
      <c r="IO6" s="68"/>
      <c r="IP6" s="68"/>
      <c r="IQ6" s="68"/>
      <c r="IR6" s="68"/>
      <c r="IS6" s="68"/>
      <c r="IT6" s="68"/>
      <c r="IU6" s="68"/>
      <c r="IV6" s="68"/>
    </row>
    <row r="8" spans="1:256" x14ac:dyDescent="0.4">
      <c r="B8" s="67" t="s">
        <v>233</v>
      </c>
      <c r="P8" s="78"/>
      <c r="Q8" s="78" t="s">
        <v>234</v>
      </c>
    </row>
    <row r="9" spans="1:256" x14ac:dyDescent="0.4">
      <c r="B9" s="163" t="s">
        <v>235</v>
      </c>
      <c r="C9" s="164"/>
      <c r="D9" s="164"/>
      <c r="E9" s="164"/>
      <c r="F9" s="164"/>
      <c r="G9" s="164"/>
      <c r="H9" s="165"/>
      <c r="I9" s="174" t="s">
        <v>236</v>
      </c>
      <c r="J9" s="114" t="s">
        <v>237</v>
      </c>
      <c r="K9" s="112" t="s">
        <v>238</v>
      </c>
      <c r="L9" s="112" t="s">
        <v>239</v>
      </c>
      <c r="M9" s="112" t="s">
        <v>240</v>
      </c>
      <c r="N9" s="112" t="s">
        <v>241</v>
      </c>
      <c r="O9" s="112" t="s">
        <v>242</v>
      </c>
      <c r="P9" s="112" t="s">
        <v>243</v>
      </c>
      <c r="Q9" s="112" t="s">
        <v>244</v>
      </c>
    </row>
    <row r="10" spans="1:256" x14ac:dyDescent="0.4">
      <c r="B10" s="166"/>
      <c r="C10" s="167"/>
      <c r="D10" s="167"/>
      <c r="E10" s="167"/>
      <c r="F10" s="167"/>
      <c r="G10" s="167"/>
      <c r="H10" s="168"/>
      <c r="I10" s="175"/>
      <c r="J10" s="113" t="s">
        <v>22</v>
      </c>
      <c r="K10" s="113" t="s">
        <v>23</v>
      </c>
      <c r="L10" s="113" t="s">
        <v>24</v>
      </c>
      <c r="M10" s="113" t="s">
        <v>247</v>
      </c>
      <c r="N10" s="113" t="s">
        <v>26</v>
      </c>
      <c r="O10" s="113" t="s">
        <v>248</v>
      </c>
      <c r="P10" s="113" t="s">
        <v>249</v>
      </c>
      <c r="Q10" s="113" t="s">
        <v>250</v>
      </c>
    </row>
    <row r="11" spans="1:256" x14ac:dyDescent="0.4">
      <c r="B11" s="179" t="s">
        <v>251</v>
      </c>
      <c r="C11" s="180"/>
      <c r="D11" s="180"/>
      <c r="E11" s="180"/>
      <c r="F11" s="180"/>
      <c r="G11" s="180"/>
      <c r="H11" s="181"/>
      <c r="I11" s="80">
        <v>2000000</v>
      </c>
      <c r="J11" s="80">
        <v>2000000</v>
      </c>
      <c r="K11" s="80">
        <v>999173973</v>
      </c>
      <c r="L11" s="80">
        <v>607144277</v>
      </c>
      <c r="M11" s="80">
        <f>K11-L11</f>
        <v>392029696</v>
      </c>
      <c r="N11" s="126">
        <v>5.3999999999999999E-2</v>
      </c>
      <c r="O11" s="80">
        <f>ROUND(M11*N11,0.1)</f>
        <v>21169604</v>
      </c>
      <c r="P11" s="80">
        <v>0</v>
      </c>
      <c r="Q11" s="80">
        <f>J11-P11</f>
        <v>2000000</v>
      </c>
    </row>
    <row r="12" spans="1:256" x14ac:dyDescent="0.4">
      <c r="B12" s="171" t="s">
        <v>245</v>
      </c>
      <c r="C12" s="172"/>
      <c r="D12" s="172"/>
      <c r="E12" s="172"/>
      <c r="F12" s="172"/>
      <c r="G12" s="172"/>
      <c r="H12" s="173"/>
      <c r="I12" s="80">
        <f>SUM(I11:I11)</f>
        <v>2000000</v>
      </c>
      <c r="J12" s="80">
        <f>SUM(J11:J11)</f>
        <v>2000000</v>
      </c>
      <c r="K12" s="125"/>
      <c r="L12" s="125"/>
      <c r="M12" s="125"/>
      <c r="N12" s="125"/>
      <c r="O12" s="125"/>
      <c r="P12" s="80">
        <f>SUM(P11:P11)</f>
        <v>0</v>
      </c>
      <c r="Q12" s="80">
        <f>SUM(Q11:Q11)</f>
        <v>2000000</v>
      </c>
    </row>
  </sheetData>
  <mergeCells count="5">
    <mergeCell ref="A5:R6"/>
    <mergeCell ref="B11:H11"/>
    <mergeCell ref="B12:H12"/>
    <mergeCell ref="B9:H10"/>
    <mergeCell ref="I9:I10"/>
  </mergeCells>
  <phoneticPr fontId="8"/>
  <pageMargins left="0.70866141732283472" right="0.70866141732283472" top="0.74803149606299213" bottom="0.74803149606299213" header="0.31496062992125984" footer="0.31496062992125984"/>
  <pageSetup paperSize="9" scale="36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8</vt:i4>
      </vt:variant>
      <vt:variant>
        <vt:lpstr>名前付き一覧</vt:lpstr>
      </vt:variant>
      <vt:variant>
        <vt:i4>8</vt:i4>
      </vt:variant>
    </vt:vector>
  </HeadingPairs>
  <TitlesOfParts>
    <vt:vector size="16" baseType="lpstr">
      <vt:lpstr>貸借対照表</vt:lpstr>
      <vt:lpstr>行政コスト計算書</vt:lpstr>
      <vt:lpstr>純資産変動計算書</vt:lpstr>
      <vt:lpstr>キャッシュフロー計算書</vt:lpstr>
      <vt:lpstr>有形固定資産等明細表</vt:lpstr>
      <vt:lpstr>引当金明細表</vt:lpstr>
      <vt:lpstr>注記</vt:lpstr>
      <vt:lpstr>出資金明細</vt:lpstr>
      <vt:lpstr>キャッシュフロー計算書!Print_Area</vt:lpstr>
      <vt:lpstr>引当金明細表!Print_Area</vt:lpstr>
      <vt:lpstr>行政コスト計算書!Print_Area</vt:lpstr>
      <vt:lpstr>出資金明細!Print_Area</vt:lpstr>
      <vt:lpstr>純資産変動計算書!Print_Area</vt:lpstr>
      <vt:lpstr>貸借対照表!Print_Area</vt:lpstr>
      <vt:lpstr>注記!Print_Area</vt:lpstr>
      <vt:lpstr>有形固定資産等明細表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5-10-14T11:16:53Z</dcterms:created>
  <dcterms:modified xsi:type="dcterms:W3CDTF">2025-10-15T02:40:15Z</dcterms:modified>
</cp:coreProperties>
</file>